
<file path=[Content_Types].xml><?xml version="1.0" encoding="utf-8"?>
<Types xmlns="http://schemas.openxmlformats.org/package/2006/content-types">
  <Default Extension="bin" ContentType="image/png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tags/tag3.xml" ContentType="application/vnd.openxmlformats-officedocument.presentationml.tags+xml"/>
  <Override PartName="/ppt/notesSlides/notesSlide2.xml" ContentType="application/vnd.openxmlformats-officedocument.presentationml.notesSlide+xml"/>
  <Override PartName="/ppt/tags/tag4.xml" ContentType="application/vnd.openxmlformats-officedocument.presentationml.tags+xml"/>
  <Override PartName="/ppt/notesSlides/notesSlide3.xml" ContentType="application/vnd.openxmlformats-officedocument.presentationml.notesSlide+xml"/>
  <Override PartName="/ppt/tags/tag5.xml" ContentType="application/vnd.openxmlformats-officedocument.presentationml.tags+xml"/>
  <Override PartName="/ppt/notesSlides/notesSlide4.xml" ContentType="application/vnd.openxmlformats-officedocument.presentationml.notesSlide+xml"/>
  <Override PartName="/ppt/tags/tag6.xml" ContentType="application/vnd.openxmlformats-officedocument.presentationml.tags+xml"/>
  <Override PartName="/ppt/notesSlides/notesSlide5.xml" ContentType="application/vnd.openxmlformats-officedocument.presentationml.notesSlide+xml"/>
  <Override PartName="/ppt/tags/tag7.xml" ContentType="application/vnd.openxmlformats-officedocument.presentationml.tags+xml"/>
  <Override PartName="/ppt/notesSlides/notesSlide6.xml" ContentType="application/vnd.openxmlformats-officedocument.presentationml.notesSlide+xml"/>
  <Override PartName="/ppt/tags/tag8.xml" ContentType="application/vnd.openxmlformats-officedocument.presentationml.tags+xml"/>
  <Override PartName="/ppt/notesSlides/notesSlide7.xml" ContentType="application/vnd.openxmlformats-officedocument.presentationml.notesSlide+xml"/>
  <Override PartName="/ppt/tags/tag9.xml" ContentType="application/vnd.openxmlformats-officedocument.presentationml.tags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tags/tag10.xml" ContentType="application/vnd.openxmlformats-officedocument.presentationml.tags+xml"/>
  <Override PartName="/ppt/notesSlides/notesSlide10.xml" ContentType="application/vnd.openxmlformats-officedocument.presentationml.notesSlide+xml"/>
  <Override PartName="/ppt/tags/tag11.xml" ContentType="application/vnd.openxmlformats-officedocument.presentationml.tags+xml"/>
  <Override PartName="/ppt/notesSlides/notesSlide11.xml" ContentType="application/vnd.openxmlformats-officedocument.presentationml.notesSlide+xml"/>
  <Override PartName="/ppt/tags/tag12.xml" ContentType="application/vnd.openxmlformats-officedocument.presentationml.tags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13.xml" ContentType="application/vnd.openxmlformats-officedocument.presentationml.tags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notesSlides/notesSlide16.xml" ContentType="application/vnd.openxmlformats-officedocument.presentationml.notesSlide+xml"/>
  <Override PartName="/ppt/tags/tag14.xml" ContentType="application/vnd.openxmlformats-officedocument.presentationml.tags+xml"/>
  <Override PartName="/ppt/notesSlides/notesSlide17.xml" ContentType="application/vnd.openxmlformats-officedocument.presentationml.notesSlide+xml"/>
  <Override PartName="/ppt/tags/tag15.xml" ContentType="application/vnd.openxmlformats-officedocument.presentationml.tags+xml"/>
  <Override PartName="/ppt/notesSlides/notesSlide18.xml" ContentType="application/vnd.openxmlformats-officedocument.presentationml.notesSlide+xml"/>
  <Override PartName="/ppt/tags/tag16.xml" ContentType="application/vnd.openxmlformats-officedocument.presentationml.tags+xml"/>
  <Override PartName="/ppt/notesSlides/notesSlide19.xml" ContentType="application/vnd.openxmlformats-officedocument.presentationml.notesSlide+xml"/>
  <Override PartName="/ppt/tags/tag17.xml" ContentType="application/vnd.openxmlformats-officedocument.presentationml.tags+xml"/>
  <Override PartName="/ppt/notesSlides/notesSlide20.xml" ContentType="application/vnd.openxmlformats-officedocument.presentationml.notesSlide+xml"/>
  <Override PartName="/ppt/tags/tag18.xml" ContentType="application/vnd.openxmlformats-officedocument.presentationml.tags+xml"/>
  <Override PartName="/ppt/notesSlides/notesSlide21.xml" ContentType="application/vnd.openxmlformats-officedocument.presentationml.notesSlide+xml"/>
  <Override PartName="/ppt/tags/tag19.xml" ContentType="application/vnd.openxmlformats-officedocument.presentationml.tags+xml"/>
  <Override PartName="/ppt/notesSlides/notesSlide22.xml" ContentType="application/vnd.openxmlformats-officedocument.presentationml.notesSlide+xml"/>
  <Override PartName="/ppt/tags/tag20.xml" ContentType="application/vnd.openxmlformats-officedocument.presentationml.tags+xml"/>
  <Override PartName="/ppt/notesSlides/notesSlide23.xml" ContentType="application/vnd.openxmlformats-officedocument.presentationml.notesSlide+xml"/>
  <Override PartName="/ppt/tags/tag21.xml" ContentType="application/vnd.openxmlformats-officedocument.presentationml.tags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tags/tag22.xml" ContentType="application/vnd.openxmlformats-officedocument.presentationml.tags+xml"/>
  <Override PartName="/ppt/notesSlides/notesSlide26.xml" ContentType="application/vnd.openxmlformats-officedocument.presentationml.notesSlide+xml"/>
  <Override PartName="/ppt/tags/tag23.xml" ContentType="application/vnd.openxmlformats-officedocument.presentationml.tags+xml"/>
  <Override PartName="/ppt/notesSlides/notesSlide27.xml" ContentType="application/vnd.openxmlformats-officedocument.presentationml.notesSlide+xml"/>
  <Override PartName="/ppt/tags/tag24.xml" ContentType="application/vnd.openxmlformats-officedocument.presentationml.tags+xml"/>
  <Override PartName="/ppt/notesSlides/notesSlide28.xml" ContentType="application/vnd.openxmlformats-officedocument.presentationml.notesSlide+xml"/>
  <Override PartName="/ppt/tags/tag25.xml" ContentType="application/vnd.openxmlformats-officedocument.presentationml.tags+xml"/>
  <Override PartName="/ppt/notesSlides/notesSlide29.xml" ContentType="application/vnd.openxmlformats-officedocument.presentationml.notesSlide+xml"/>
  <Override PartName="/ppt/tags/tag26.xml" ContentType="application/vnd.openxmlformats-officedocument.presentationml.tags+xml"/>
  <Override PartName="/ppt/notesSlides/notesSlide30.xml" ContentType="application/vnd.openxmlformats-officedocument.presentationml.notesSlide+xml"/>
  <Override PartName="/ppt/tags/tag27.xml" ContentType="application/vnd.openxmlformats-officedocument.presentationml.tags+xml"/>
  <Override PartName="/ppt/notesSlides/notesSlide31.xml" ContentType="application/vnd.openxmlformats-officedocument.presentationml.notesSlide+xml"/>
  <Override PartName="/ppt/tags/tag28.xml" ContentType="application/vnd.openxmlformats-officedocument.presentationml.tags+xml"/>
  <Override PartName="/ppt/notesSlides/notesSlide32.xml" ContentType="application/vnd.openxmlformats-officedocument.presentationml.notesSlide+xml"/>
  <Override PartName="/ppt/tags/tag29.xml" ContentType="application/vnd.openxmlformats-officedocument.presentationml.tags+xml"/>
  <Override PartName="/ppt/notesSlides/notesSlide33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62"/>
    <p:sldMasterId id="2147483667" r:id="rId63"/>
  </p:sldMasterIdLst>
  <p:notesMasterIdLst>
    <p:notesMasterId r:id="rId104"/>
  </p:notesMasterIdLst>
  <p:handoutMasterIdLst>
    <p:handoutMasterId r:id="rId105"/>
  </p:handoutMasterIdLst>
  <p:sldIdLst>
    <p:sldId id="275" r:id="rId64"/>
    <p:sldId id="260" r:id="rId65"/>
    <p:sldId id="4088" r:id="rId66"/>
    <p:sldId id="4129" r:id="rId67"/>
    <p:sldId id="256" r:id="rId68"/>
    <p:sldId id="4062" r:id="rId69"/>
    <p:sldId id="4093" r:id="rId70"/>
    <p:sldId id="4061" r:id="rId71"/>
    <p:sldId id="4098" r:id="rId72"/>
    <p:sldId id="4149" r:id="rId73"/>
    <p:sldId id="4117" r:id="rId74"/>
    <p:sldId id="4135" r:id="rId75"/>
    <p:sldId id="4138" r:id="rId76"/>
    <p:sldId id="4119" r:id="rId77"/>
    <p:sldId id="4126" r:id="rId78"/>
    <p:sldId id="4125" r:id="rId79"/>
    <p:sldId id="4128" r:id="rId80"/>
    <p:sldId id="4057" r:id="rId81"/>
    <p:sldId id="4130" r:id="rId82"/>
    <p:sldId id="4074" r:id="rId83"/>
    <p:sldId id="4131" r:id="rId84"/>
    <p:sldId id="4075" r:id="rId85"/>
    <p:sldId id="4015" r:id="rId86"/>
    <p:sldId id="4080" r:id="rId87"/>
    <p:sldId id="4063" r:id="rId88"/>
    <p:sldId id="4132" r:id="rId89"/>
    <p:sldId id="4064" r:id="rId90"/>
    <p:sldId id="4081" r:id="rId91"/>
    <p:sldId id="4065" r:id="rId92"/>
    <p:sldId id="4066" r:id="rId93"/>
    <p:sldId id="4067" r:id="rId94"/>
    <p:sldId id="4047" r:id="rId95"/>
    <p:sldId id="4068" r:id="rId96"/>
    <p:sldId id="4069" r:id="rId97"/>
    <p:sldId id="4070" r:id="rId98"/>
    <p:sldId id="4141" r:id="rId99"/>
    <p:sldId id="4133" r:id="rId100"/>
    <p:sldId id="4142" r:id="rId101"/>
    <p:sldId id="4143" r:id="rId102"/>
    <p:sldId id="4082" r:id="rId10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90" userDrawn="1">
          <p15:clr>
            <a:srgbClr val="A4A3A4"/>
          </p15:clr>
        </p15:guide>
        <p15:guide id="2" pos="3840" userDrawn="1">
          <p15:clr>
            <a:srgbClr val="A4A3A4"/>
          </p15:clr>
        </p15:guide>
        <p15:guide id="3" pos="192" userDrawn="1">
          <p15:clr>
            <a:srgbClr val="A4A3A4"/>
          </p15:clr>
        </p15:guide>
        <p15:guide id="4" orient="horz" pos="144" userDrawn="1">
          <p15:clr>
            <a:srgbClr val="A4A3A4"/>
          </p15:clr>
        </p15:guide>
        <p15:guide id="5" pos="144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D3FCC200-38E8-40BA-CA46-3901E78DBCFA}" name="William Brady" initials="WB" userId="f8d4c4515ac9a96b" providerId="Windows Live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2C2CE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0164A12-B445-471E-A0A1-0921AC6FC564}" v="2" dt="2025-12-08T12:48:19.868"/>
  </p1510:revLst>
</p1510:revInfo>
</file>

<file path=ppt/tableStyles.xml><?xml version="1.0" encoding="utf-8"?>
<a:tblStyleLst xmlns:a="http://schemas.openxmlformats.org/drawingml/2006/main" def="{3B4B98B0-60AC-42C2-AFA5-B58CD77FA1E5}"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6" autoAdjust="0"/>
    <p:restoredTop sz="78632" autoAdjust="0"/>
  </p:normalViewPr>
  <p:slideViewPr>
    <p:cSldViewPr showGuides="1">
      <p:cViewPr varScale="1">
        <p:scale>
          <a:sx n="75" d="100"/>
          <a:sy n="75" d="100"/>
        </p:scale>
        <p:origin x="1872" y="294"/>
      </p:cViewPr>
      <p:guideLst>
        <p:guide orient="horz" pos="690"/>
        <p:guide pos="3840"/>
        <p:guide pos="192"/>
        <p:guide orient="horz" pos="144"/>
        <p:guide pos="144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00" d="100"/>
        <a:sy n="100" d="100"/>
      </p:scale>
      <p:origin x="0" y="-1194"/>
    </p:cViewPr>
  </p:sorterViewPr>
  <p:notesViewPr>
    <p:cSldViewPr>
      <p:cViewPr varScale="1">
        <p:scale>
          <a:sx n="96" d="100"/>
          <a:sy n="96" d="100"/>
        </p:scale>
        <p:origin x="3558" y="9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Master" Target="slideMasters/slideMaster2.xml"/><Relationship Id="rId68" Type="http://schemas.openxmlformats.org/officeDocument/2006/relationships/slide" Target="slides/slide5.xml"/><Relationship Id="rId84" Type="http://schemas.openxmlformats.org/officeDocument/2006/relationships/slide" Target="slides/slide21.xml"/><Relationship Id="rId89" Type="http://schemas.openxmlformats.org/officeDocument/2006/relationships/slide" Target="slides/slide26.xml"/><Relationship Id="rId112" Type="http://schemas.microsoft.com/office/2018/10/relationships/authors" Target="authors.xml"/><Relationship Id="rId16" Type="http://schemas.openxmlformats.org/officeDocument/2006/relationships/customXml" Target="../customXml/item16.xml"/><Relationship Id="rId107" Type="http://schemas.openxmlformats.org/officeDocument/2006/relationships/viewProps" Target="viewProps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slide" Target="slides/slide11.xml"/><Relationship Id="rId79" Type="http://schemas.openxmlformats.org/officeDocument/2006/relationships/slide" Target="slides/slide16.xml"/><Relationship Id="rId102" Type="http://schemas.openxmlformats.org/officeDocument/2006/relationships/slide" Target="slides/slide39.xml"/><Relationship Id="rId5" Type="http://schemas.openxmlformats.org/officeDocument/2006/relationships/customXml" Target="../customXml/item5.xml"/><Relationship Id="rId90" Type="http://schemas.openxmlformats.org/officeDocument/2006/relationships/slide" Target="slides/slide27.xml"/><Relationship Id="rId95" Type="http://schemas.openxmlformats.org/officeDocument/2006/relationships/slide" Target="slides/slide32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1.xml"/><Relationship Id="rId69" Type="http://schemas.openxmlformats.org/officeDocument/2006/relationships/slide" Target="slides/slide6.xml"/><Relationship Id="rId80" Type="http://schemas.openxmlformats.org/officeDocument/2006/relationships/slide" Target="slides/slide17.xml"/><Relationship Id="rId85" Type="http://schemas.openxmlformats.org/officeDocument/2006/relationships/slide" Target="slides/slide22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40.xml"/><Relationship Id="rId108" Type="http://schemas.openxmlformats.org/officeDocument/2006/relationships/theme" Target="theme/theme1.xml"/><Relationship Id="rId54" Type="http://schemas.openxmlformats.org/officeDocument/2006/relationships/customXml" Target="../customXml/item54.xml"/><Relationship Id="rId70" Type="http://schemas.openxmlformats.org/officeDocument/2006/relationships/slide" Target="slides/slide7.xml"/><Relationship Id="rId75" Type="http://schemas.openxmlformats.org/officeDocument/2006/relationships/slide" Target="slides/slide12.xml"/><Relationship Id="rId91" Type="http://schemas.openxmlformats.org/officeDocument/2006/relationships/slide" Target="slides/slide28.xml"/><Relationship Id="rId96" Type="http://schemas.openxmlformats.org/officeDocument/2006/relationships/slide" Target="slides/slide3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6" Type="http://schemas.openxmlformats.org/officeDocument/2006/relationships/presProps" Target="presProps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slide" Target="slides/slide2.xml"/><Relationship Id="rId73" Type="http://schemas.openxmlformats.org/officeDocument/2006/relationships/slide" Target="slides/slide10.xml"/><Relationship Id="rId78" Type="http://schemas.openxmlformats.org/officeDocument/2006/relationships/slide" Target="slides/slide15.xml"/><Relationship Id="rId81" Type="http://schemas.openxmlformats.org/officeDocument/2006/relationships/slide" Target="slides/slide18.xml"/><Relationship Id="rId86" Type="http://schemas.openxmlformats.org/officeDocument/2006/relationships/slide" Target="slides/slide23.xml"/><Relationship Id="rId94" Type="http://schemas.openxmlformats.org/officeDocument/2006/relationships/slide" Target="slides/slide31.xml"/><Relationship Id="rId99" Type="http://schemas.openxmlformats.org/officeDocument/2006/relationships/slide" Target="slides/slide36.xml"/><Relationship Id="rId101" Type="http://schemas.openxmlformats.org/officeDocument/2006/relationships/slide" Target="slides/slide3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tableStyles" Target="tableStyles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13.xml"/><Relationship Id="rId97" Type="http://schemas.openxmlformats.org/officeDocument/2006/relationships/slide" Target="slides/slide34.xml"/><Relationship Id="rId10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71" Type="http://schemas.openxmlformats.org/officeDocument/2006/relationships/slide" Target="slides/slide8.xml"/><Relationship Id="rId92" Type="http://schemas.openxmlformats.org/officeDocument/2006/relationships/slide" Target="slides/slide29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3.xml"/><Relationship Id="rId87" Type="http://schemas.openxmlformats.org/officeDocument/2006/relationships/slide" Target="slides/slide24.xml"/><Relationship Id="rId110" Type="http://schemas.microsoft.com/office/2016/11/relationships/changesInfo" Target="changesInfos/changesInfo1.xml"/><Relationship Id="rId61" Type="http://schemas.openxmlformats.org/officeDocument/2006/relationships/customXml" Target="../customXml/item61.xml"/><Relationship Id="rId82" Type="http://schemas.openxmlformats.org/officeDocument/2006/relationships/slide" Target="slides/slide19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slide" Target="slides/slide14.xml"/><Relationship Id="rId100" Type="http://schemas.openxmlformats.org/officeDocument/2006/relationships/slide" Target="slides/slide37.xml"/><Relationship Id="rId105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9.xml"/><Relationship Id="rId93" Type="http://schemas.openxmlformats.org/officeDocument/2006/relationships/slide" Target="slides/slide30.xml"/><Relationship Id="rId98" Type="http://schemas.openxmlformats.org/officeDocument/2006/relationships/slide" Target="slides/slide35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slide" Target="slides/slide4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slideMaster" Target="slideMasters/slideMaster1.xml"/><Relationship Id="rId83" Type="http://schemas.openxmlformats.org/officeDocument/2006/relationships/slide" Target="slides/slide20.xml"/><Relationship Id="rId88" Type="http://schemas.openxmlformats.org/officeDocument/2006/relationships/slide" Target="slides/slide25.xml"/><Relationship Id="rId111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Vaillancourt, Allison" userId="23784611-9d1f-4f94-819c-918b2b7b39f9" providerId="ADAL" clId="{A9F0960D-EEC2-4651-8D0E-060078A7C08E}"/>
    <pc:docChg chg="delSld modSld">
      <pc:chgData name="Vaillancourt, Allison" userId="23784611-9d1f-4f94-819c-918b2b7b39f9" providerId="ADAL" clId="{A9F0960D-EEC2-4651-8D0E-060078A7C08E}" dt="2025-12-08T12:48:19.868" v="8"/>
      <pc:docMkLst>
        <pc:docMk/>
      </pc:docMkLst>
      <pc:sldChg chg="modSp">
        <pc:chgData name="Vaillancourt, Allison" userId="23784611-9d1f-4f94-819c-918b2b7b39f9" providerId="ADAL" clId="{A9F0960D-EEC2-4651-8D0E-060078A7C08E}" dt="2025-12-08T12:48:19.868" v="8"/>
        <pc:sldMkLst>
          <pc:docMk/>
          <pc:sldMk cId="979464713" sldId="275"/>
        </pc:sldMkLst>
        <pc:spChg chg="mod">
          <ac:chgData name="Vaillancourt, Allison" userId="23784611-9d1f-4f94-819c-918b2b7b39f9" providerId="ADAL" clId="{A9F0960D-EEC2-4651-8D0E-060078A7C08E}" dt="2025-12-08T12:48:19.868" v="8"/>
          <ac:spMkLst>
            <pc:docMk/>
            <pc:sldMk cId="979464713" sldId="275"/>
            <ac:spMk id="4" creationId="{7E5A8FDE-A332-271B-937D-0D1B3B3C258A}"/>
          </ac:spMkLst>
        </pc:spChg>
      </pc:sldChg>
      <pc:sldChg chg="del">
        <pc:chgData name="Vaillancourt, Allison" userId="23784611-9d1f-4f94-819c-918b2b7b39f9" providerId="ADAL" clId="{A9F0960D-EEC2-4651-8D0E-060078A7C08E}" dt="2025-12-08T12:38:50.551" v="0" actId="47"/>
        <pc:sldMkLst>
          <pc:docMk/>
          <pc:sldMk cId="1975885072" sldId="4113"/>
        </pc:sldMkLst>
      </pc:sldChg>
      <pc:sldChg chg="del">
        <pc:chgData name="Vaillancourt, Allison" userId="23784611-9d1f-4f94-819c-918b2b7b39f9" providerId="ADAL" clId="{A9F0960D-EEC2-4651-8D0E-060078A7C08E}" dt="2025-12-08T12:38:56.945" v="3" actId="47"/>
        <pc:sldMkLst>
          <pc:docMk/>
          <pc:sldMk cId="2653516119" sldId="4124"/>
        </pc:sldMkLst>
      </pc:sldChg>
      <pc:sldChg chg="modSp mod">
        <pc:chgData name="Vaillancourt, Allison" userId="23784611-9d1f-4f94-819c-918b2b7b39f9" providerId="ADAL" clId="{A9F0960D-EEC2-4651-8D0E-060078A7C08E}" dt="2025-12-08T12:45:05.722" v="7" actId="20577"/>
        <pc:sldMkLst>
          <pc:docMk/>
          <pc:sldMk cId="3032632228" sldId="4125"/>
        </pc:sldMkLst>
        <pc:spChg chg="mod">
          <ac:chgData name="Vaillancourt, Allison" userId="23784611-9d1f-4f94-819c-918b2b7b39f9" providerId="ADAL" clId="{A9F0960D-EEC2-4651-8D0E-060078A7C08E}" dt="2025-12-08T12:45:05.722" v="7" actId="20577"/>
          <ac:spMkLst>
            <pc:docMk/>
            <pc:sldMk cId="3032632228" sldId="4125"/>
            <ac:spMk id="3" creationId="{EC3F9C7E-E943-3DA0-52E5-2C86ACAAADB6}"/>
          </ac:spMkLst>
        </pc:spChg>
      </pc:sldChg>
      <pc:sldChg chg="del">
        <pc:chgData name="Vaillancourt, Allison" userId="23784611-9d1f-4f94-819c-918b2b7b39f9" providerId="ADAL" clId="{A9F0960D-EEC2-4651-8D0E-060078A7C08E}" dt="2025-12-08T12:38:58.498" v="4" actId="47"/>
        <pc:sldMkLst>
          <pc:docMk/>
          <pc:sldMk cId="2648925958" sldId="4127"/>
        </pc:sldMkLst>
      </pc:sldChg>
      <pc:sldChg chg="del">
        <pc:chgData name="Vaillancourt, Allison" userId="23784611-9d1f-4f94-819c-918b2b7b39f9" providerId="ADAL" clId="{A9F0960D-EEC2-4651-8D0E-060078A7C08E}" dt="2025-12-08T12:38:51.985" v="1" actId="47"/>
        <pc:sldMkLst>
          <pc:docMk/>
          <pc:sldMk cId="256909097" sldId="4136"/>
        </pc:sldMkLst>
      </pc:sldChg>
      <pc:sldChg chg="del">
        <pc:chgData name="Vaillancourt, Allison" userId="23784611-9d1f-4f94-819c-918b2b7b39f9" providerId="ADAL" clId="{A9F0960D-EEC2-4651-8D0E-060078A7C08E}" dt="2025-12-08T12:38:53.450" v="2" actId="47"/>
        <pc:sldMkLst>
          <pc:docMk/>
          <pc:sldMk cId="2000096099" sldId="4137"/>
        </pc:sldMkLst>
      </pc:sldChg>
      <pc:sldChg chg="del">
        <pc:chgData name="Vaillancourt, Allison" userId="23784611-9d1f-4f94-819c-918b2b7b39f9" providerId="ADAL" clId="{A9F0960D-EEC2-4651-8D0E-060078A7C08E}" dt="2025-12-08T12:39:00.305" v="5" actId="47"/>
        <pc:sldMkLst>
          <pc:docMk/>
          <pc:sldMk cId="2479324846" sldId="4140"/>
        </pc:sldMkLst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Book1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oleObject" Target="Book1" TargetMode="External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C$30</c:f>
              <c:strCache>
                <c:ptCount val="1"/>
                <c:pt idx="0">
                  <c:v>Average Executive Orders by Year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dPt>
            <c:idx val="0"/>
            <c:invertIfNegative val="0"/>
            <c:bubble3D val="0"/>
            <c:spPr>
              <a:solidFill>
                <a:schemeClr val="accent5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1-F6A2-4B35-9902-028434A927ED}"/>
              </c:ext>
            </c:extLst>
          </c:dPt>
          <c:dLbls>
            <c:dLbl>
              <c:idx val="0"/>
              <c:tx>
                <c:rich>
                  <a:bodyPr/>
                  <a:lstStyle/>
                  <a:p>
                    <a:r>
                      <a:rPr lang="en-US"/>
                      <a:t>217</a:t>
                    </a:r>
                  </a:p>
                </c:rich>
              </c:tx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1-F6A2-4B35-9902-028434A927ED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800" b="1" i="0" u="none" strike="noStrike" kern="1200" baseline="0">
                    <a:solidFill>
                      <a:schemeClr val="accent5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B$31:$B$36</c:f>
              <c:strCache>
                <c:ptCount val="6"/>
                <c:pt idx="0">
                  <c:v>Donald J. Trump - II</c:v>
                </c:pt>
                <c:pt idx="1">
                  <c:v>Joe Biden</c:v>
                </c:pt>
                <c:pt idx="2">
                  <c:v>Donald J. Trump - I</c:v>
                </c:pt>
                <c:pt idx="3">
                  <c:v>Barack Obama</c:v>
                </c:pt>
                <c:pt idx="4">
                  <c:v>George W. Bush</c:v>
                </c:pt>
                <c:pt idx="5">
                  <c:v>William J. Clinton</c:v>
                </c:pt>
              </c:strCache>
            </c:strRef>
          </c:cat>
          <c:val>
            <c:numRef>
              <c:f>Sheet1!$C$31:$C$36</c:f>
              <c:numCache>
                <c:formatCode>General</c:formatCode>
                <c:ptCount val="6"/>
                <c:pt idx="0">
                  <c:v>207</c:v>
                </c:pt>
                <c:pt idx="1">
                  <c:v>41</c:v>
                </c:pt>
                <c:pt idx="2">
                  <c:v>55</c:v>
                </c:pt>
                <c:pt idx="3">
                  <c:v>35</c:v>
                </c:pt>
                <c:pt idx="4">
                  <c:v>36</c:v>
                </c:pt>
                <c:pt idx="5">
                  <c:v>4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6A2-4B35-9902-028434A927E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82"/>
        <c:axId val="235454095"/>
        <c:axId val="235461295"/>
      </c:barChart>
      <c:catAx>
        <c:axId val="235454095"/>
        <c:scaling>
          <c:orientation val="maxMin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8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35461295"/>
        <c:crosses val="autoZero"/>
        <c:auto val="1"/>
        <c:lblAlgn val="ctr"/>
        <c:lblOffset val="100"/>
        <c:noMultiLvlLbl val="0"/>
      </c:catAx>
      <c:valAx>
        <c:axId val="235461295"/>
        <c:scaling>
          <c:orientation val="minMax"/>
        </c:scaling>
        <c:delete val="1"/>
        <c:axPos val="t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crossAx val="235454095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1.3461767279090113E-2"/>
          <c:y val="2.7936111293307971E-2"/>
          <c:w val="0.97209378827646542"/>
          <c:h val="0.85348759452684186"/>
        </c:manualLayout>
      </c:layout>
      <c:barChart>
        <c:barDir val="col"/>
        <c:grouping val="clustered"/>
        <c:varyColors val="0"/>
        <c:ser>
          <c:idx val="0"/>
          <c:order val="0"/>
          <c:tx>
            <c:strRef>
              <c:f>Sheet1!$C$1</c:f>
              <c:strCache>
                <c:ptCount val="1"/>
                <c:pt idx="0">
                  <c:v>Number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dLbls>
            <c:dLbl>
              <c:idx val="0"/>
              <c:tx>
                <c:rich>
                  <a:bodyPr/>
                  <a:lstStyle/>
                  <a:p>
                    <a:r>
                      <a:rPr lang="en-US"/>
                      <a:t>58</a:t>
                    </a:r>
                    <a:endParaRPr lang="en-US" dirty="0"/>
                  </a:p>
                </c:rich>
              </c:tx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0-629D-4AEC-801F-99A28C36079C}"/>
                </c:ext>
              </c:extLst>
            </c:dLbl>
            <c:dLbl>
              <c:idx val="1"/>
              <c:tx>
                <c:rich>
                  <a:bodyPr/>
                  <a:lstStyle/>
                  <a:p>
                    <a:r>
                      <a:rPr lang="en-US"/>
                      <a:t>48</a:t>
                    </a:r>
                    <a:endParaRPr lang="en-US" dirty="0"/>
                  </a:p>
                </c:rich>
              </c:tx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1-629D-4AEC-801F-99A28C36079C}"/>
                </c:ext>
              </c:extLst>
            </c:dLbl>
            <c:dLbl>
              <c:idx val="2"/>
              <c:tx>
                <c:rich>
                  <a:bodyPr/>
                  <a:lstStyle/>
                  <a:p>
                    <a:r>
                      <a:rPr lang="en-US"/>
                      <a:t>35</a:t>
                    </a:r>
                    <a:endParaRPr lang="en-US" dirty="0"/>
                  </a:p>
                </c:rich>
              </c:tx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2-629D-4AEC-801F-99A28C36079C}"/>
                </c:ext>
              </c:extLst>
            </c:dLbl>
            <c:dLbl>
              <c:idx val="3"/>
              <c:tx>
                <c:rich>
                  <a:bodyPr/>
                  <a:lstStyle/>
                  <a:p>
                    <a:r>
                      <a:rPr lang="en-US" dirty="0"/>
                      <a:t>33</a:t>
                    </a:r>
                  </a:p>
                </c:rich>
              </c:tx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3-629D-4AEC-801F-99A28C36079C}"/>
                </c:ext>
              </c:extLst>
            </c:dLbl>
            <c:dLbl>
              <c:idx val="6"/>
              <c:tx>
                <c:rich>
                  <a:bodyPr/>
                  <a:lstStyle/>
                  <a:p>
                    <a:r>
                      <a:rPr lang="en-US"/>
                      <a:t>21</a:t>
                    </a:r>
                    <a:endParaRPr lang="en-US" dirty="0"/>
                  </a:p>
                </c:rich>
              </c:tx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4-629D-4AEC-801F-99A28C36079C}"/>
                </c:ext>
              </c:extLst>
            </c:dLbl>
            <c:dLbl>
              <c:idx val="8"/>
              <c:tx>
                <c:rich>
                  <a:bodyPr/>
                  <a:lstStyle/>
                  <a:p>
                    <a:r>
                      <a:rPr lang="en-US"/>
                      <a:t>15</a:t>
                    </a:r>
                    <a:endParaRPr lang="en-US" dirty="0"/>
                  </a:p>
                </c:rich>
              </c:tx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5-629D-4AEC-801F-99A28C36079C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800" b="1" i="0" u="none" strike="noStrike" kern="1200" baseline="0">
                    <a:solidFill>
                      <a:schemeClr val="accent5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B$2:$B$12</c:f>
              <c:strCache>
                <c:ptCount val="11"/>
                <c:pt idx="0">
                  <c:v>Foreign policy</c:v>
                </c:pt>
                <c:pt idx="1">
                  <c:v>Other</c:v>
                </c:pt>
                <c:pt idx="2">
                  <c:v>Trade and tarrifs</c:v>
                </c:pt>
                <c:pt idx="3">
                  <c:v>The adminstrative state</c:v>
                </c:pt>
                <c:pt idx="4">
                  <c:v>Revokes previous executive order</c:v>
                </c:pt>
                <c:pt idx="5">
                  <c:v>Energy and environment</c:v>
                </c:pt>
                <c:pt idx="6">
                  <c:v>Technology</c:v>
                </c:pt>
                <c:pt idx="7">
                  <c:v>Policing and criminal justice</c:v>
                </c:pt>
                <c:pt idx="8">
                  <c:v>Health</c:v>
                </c:pt>
                <c:pt idx="9">
                  <c:v>Education</c:v>
                </c:pt>
                <c:pt idx="10">
                  <c:v>Immigration</c:v>
                </c:pt>
              </c:strCache>
            </c:strRef>
          </c:cat>
          <c:val>
            <c:numRef>
              <c:f>Sheet1!$C$2:$C$12</c:f>
              <c:numCache>
                <c:formatCode>General</c:formatCode>
                <c:ptCount val="11"/>
                <c:pt idx="0">
                  <c:v>53</c:v>
                </c:pt>
                <c:pt idx="1">
                  <c:v>47</c:v>
                </c:pt>
                <c:pt idx="2">
                  <c:v>31</c:v>
                </c:pt>
                <c:pt idx="3">
                  <c:v>31</c:v>
                </c:pt>
                <c:pt idx="4">
                  <c:v>23</c:v>
                </c:pt>
                <c:pt idx="5">
                  <c:v>20</c:v>
                </c:pt>
                <c:pt idx="6">
                  <c:v>19</c:v>
                </c:pt>
                <c:pt idx="7">
                  <c:v>16</c:v>
                </c:pt>
                <c:pt idx="8">
                  <c:v>14</c:v>
                </c:pt>
                <c:pt idx="9">
                  <c:v>14</c:v>
                </c:pt>
                <c:pt idx="10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7DA5-4E43-BAC9-5B843A220EF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41"/>
        <c:overlap val="-33"/>
        <c:axId val="235418575"/>
        <c:axId val="235431055"/>
      </c:barChart>
      <c:catAx>
        <c:axId val="235418575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0" spcFirstLastPara="1" vertOverflow="ellipsis" wrap="square" anchor="ctr" anchorCtr="1"/>
          <a:lstStyle/>
          <a:p>
            <a:pPr>
              <a:defRPr sz="11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35431055"/>
        <c:crosses val="autoZero"/>
        <c:auto val="1"/>
        <c:lblAlgn val="ctr"/>
        <c:lblOffset val="100"/>
        <c:noMultiLvlLbl val="0"/>
      </c:catAx>
      <c:valAx>
        <c:axId val="235431055"/>
        <c:scaling>
          <c:orientation val="minMax"/>
        </c:scaling>
        <c:delete val="1"/>
        <c:axPos val="l"/>
        <c:numFmt formatCode="General" sourceLinked="1"/>
        <c:majorTickMark val="none"/>
        <c:minorTickMark val="none"/>
        <c:tickLblPos val="nextTo"/>
        <c:crossAx val="235418575"/>
        <c:crosses val="autoZero"/>
        <c:crossBetween val="between"/>
      </c:valAx>
      <c:spPr>
        <a:noFill/>
        <a:ln w="25400"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007290274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61988" y="96838"/>
            <a:ext cx="5461000" cy="307181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6200" y="3276604"/>
            <a:ext cx="6705600" cy="5489265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6400800" y="8897477"/>
            <a:ext cx="381000" cy="2097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6DF3F157-FE2F-4DAB-AF0E-F60637E9AA77}" type="slidenum">
              <a:rPr lang="en-US" smtClean="0"/>
              <a:pPr/>
              <a:t>‹#›</a:t>
            </a:fld>
            <a:endParaRPr lang="en-US" dirty="0"/>
          </a:p>
        </p:txBody>
      </p:sp>
      <p:grpSp>
        <p:nvGrpSpPr>
          <p:cNvPr id="8" name="Group 15"/>
          <p:cNvGrpSpPr>
            <a:grpSpLocks noChangeAspect="1"/>
          </p:cNvGrpSpPr>
          <p:nvPr/>
        </p:nvGrpSpPr>
        <p:grpSpPr bwMode="auto">
          <a:xfrm>
            <a:off x="5685120" y="8866509"/>
            <a:ext cx="757854" cy="201291"/>
            <a:chOff x="240" y="3738"/>
            <a:chExt cx="1634" cy="434"/>
          </a:xfrm>
        </p:grpSpPr>
        <p:sp>
          <p:nvSpPr>
            <p:cNvPr id="9" name="Freeform 16"/>
            <p:cNvSpPr>
              <a:spLocks/>
            </p:cNvSpPr>
            <p:nvPr userDrawn="1"/>
          </p:nvSpPr>
          <p:spPr bwMode="auto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0" name="Freeform 17"/>
            <p:cNvSpPr>
              <a:spLocks noEditPoints="1"/>
            </p:cNvSpPr>
            <p:nvPr userDrawn="1"/>
          </p:nvSpPr>
          <p:spPr bwMode="auto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1" name="Freeform 18"/>
            <p:cNvSpPr>
              <a:spLocks noEditPoints="1"/>
            </p:cNvSpPr>
            <p:nvPr userDrawn="1"/>
          </p:nvSpPr>
          <p:spPr bwMode="auto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2" name="Freeform 19"/>
            <p:cNvSpPr>
              <a:spLocks noEditPoints="1"/>
            </p:cNvSpPr>
            <p:nvPr userDrawn="1"/>
          </p:nvSpPr>
          <p:spPr bwMode="auto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3" name="Rectangle 20"/>
            <p:cNvSpPr>
              <a:spLocks noChangeArrowheads="1"/>
            </p:cNvSpPr>
            <p:nvPr userDrawn="1"/>
          </p:nvSpPr>
          <p:spPr bwMode="auto">
            <a:xfrm>
              <a:off x="1823" y="3804"/>
              <a:ext cx="51" cy="297"/>
            </a:xfrm>
            <a:prstGeom prst="rect">
              <a:avLst/>
            </a:pr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4" name="Freeform 21"/>
            <p:cNvSpPr>
              <a:spLocks/>
            </p:cNvSpPr>
            <p:nvPr userDrawn="1"/>
          </p:nvSpPr>
          <p:spPr bwMode="auto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rgbClr val="3AC1C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5" name="Freeform 22"/>
            <p:cNvSpPr>
              <a:spLocks/>
            </p:cNvSpPr>
            <p:nvPr userDrawn="1"/>
          </p:nvSpPr>
          <p:spPr bwMode="auto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rgbClr val="3AC1C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6" name="Freeform 23"/>
            <p:cNvSpPr>
              <a:spLocks/>
            </p:cNvSpPr>
            <p:nvPr userDrawn="1"/>
          </p:nvSpPr>
          <p:spPr bwMode="auto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rgbClr val="3AC1C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</p:spTree>
    <p:extLst>
      <p:ext uri="{BB962C8B-B14F-4D97-AF65-F5344CB8AC3E}">
        <p14:creationId xmlns:p14="http://schemas.microsoft.com/office/powerpoint/2010/main" val="1265195586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171450" indent="-171450" algn="l" defTabSz="914400" rtl="0" eaLnBrk="1" latinLnBrk="0" hangingPunct="1">
      <a:lnSpc>
        <a:spcPct val="90000"/>
      </a:lnSpc>
      <a:spcBef>
        <a:spcPts val="1200"/>
      </a:spcBef>
      <a:buClr>
        <a:schemeClr val="accent5"/>
      </a:buClr>
      <a:buFont typeface="Symbol" panose="05050102010706020507" pitchFamily="18" charset="2"/>
      <a:buChar char="·"/>
      <a:defRPr sz="1100" kern="1200">
        <a:solidFill>
          <a:schemeClr val="tx1"/>
        </a:solidFill>
        <a:latin typeface="+mn-lt"/>
        <a:ea typeface="+mn-ea"/>
        <a:cs typeface="+mn-cs"/>
      </a:defRPr>
    </a:lvl1pPr>
    <a:lvl2pPr marL="311150" indent="-144463" algn="l" defTabSz="914400" rtl="0" eaLnBrk="1" latinLnBrk="0" hangingPunct="1">
      <a:lnSpc>
        <a:spcPct val="90000"/>
      </a:lnSpc>
      <a:spcBef>
        <a:spcPts val="600"/>
      </a:spcBef>
      <a:buClr>
        <a:schemeClr val="accent5"/>
      </a:buClr>
      <a:buFont typeface="Arial" panose="020B0604020202020204" pitchFamily="34" charset="0"/>
      <a:buChar char="–"/>
      <a:defRPr sz="1100" kern="1200">
        <a:solidFill>
          <a:schemeClr val="tx1"/>
        </a:solidFill>
        <a:latin typeface="+mn-lt"/>
        <a:ea typeface="+mn-ea"/>
        <a:cs typeface="+mn-cs"/>
      </a:defRPr>
    </a:lvl2pPr>
    <a:lvl3pPr marL="446088" indent="-134938" algn="l" defTabSz="914400" rtl="0" eaLnBrk="1" latinLnBrk="0" hangingPunct="1">
      <a:lnSpc>
        <a:spcPct val="90000"/>
      </a:lnSpc>
      <a:spcBef>
        <a:spcPts val="300"/>
      </a:spcBef>
      <a:buClr>
        <a:schemeClr val="accent5"/>
      </a:buClr>
      <a:buFont typeface="Arial" panose="020B0604020202020204" pitchFamily="34" charset="0"/>
      <a:buChar char="•"/>
      <a:defRPr sz="1100" kern="1200">
        <a:solidFill>
          <a:schemeClr val="tx1"/>
        </a:solidFill>
        <a:latin typeface="+mn-lt"/>
        <a:ea typeface="+mn-ea"/>
        <a:cs typeface="+mn-cs"/>
      </a:defRPr>
    </a:lvl3pPr>
    <a:lvl4pPr marL="603250" indent="-166688" algn="l" defTabSz="914400" rtl="0" eaLnBrk="1" latinLnBrk="0" hangingPunct="1">
      <a:lnSpc>
        <a:spcPct val="90000"/>
      </a:lnSpc>
      <a:spcBef>
        <a:spcPts val="300"/>
      </a:spcBef>
      <a:buClr>
        <a:schemeClr val="accent5"/>
      </a:buClr>
      <a:buFont typeface="Arial" panose="020B0604020202020204" pitchFamily="34" charset="0"/>
      <a:buChar char="−"/>
      <a:defRPr sz="1100" kern="1200">
        <a:solidFill>
          <a:schemeClr val="tx1"/>
        </a:solidFill>
        <a:latin typeface="+mn-lt"/>
        <a:ea typeface="+mn-ea"/>
        <a:cs typeface="+mn-cs"/>
      </a:defRPr>
    </a:lvl4pPr>
    <a:lvl5pPr marL="696913" indent="-93663" algn="l" defTabSz="914400" rtl="0" eaLnBrk="1" latinLnBrk="0" hangingPunct="1">
      <a:lnSpc>
        <a:spcPct val="90000"/>
      </a:lnSpc>
      <a:spcBef>
        <a:spcPts val="300"/>
      </a:spcBef>
      <a:buClr>
        <a:schemeClr val="accent5"/>
      </a:buClr>
      <a:buFont typeface="Arial" panose="020B0604020202020204" pitchFamily="34" charset="0"/>
      <a:buChar char="›"/>
      <a:defRPr sz="11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0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68338" y="100013"/>
            <a:ext cx="5449887" cy="306705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DF3F157-FE2F-4DAB-AF0E-F60637E9AA7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41986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D377BA5-440D-4DB2-DDB3-855EE8D6CA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2159130-0D70-0B4C-7ABA-321982C45C2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C7A8E3-24C1-7ABA-FA4F-884E8038E7F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9A8B0A-13BD-D008-402F-9A3241AF7D7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95683082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-1092200" y="131763"/>
            <a:ext cx="7272338" cy="40909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>
                <a:schemeClr val="accent5"/>
              </a:buClr>
              <a:buSzTx/>
              <a:buFont typeface="Symbol" panose="05050102010706020507" pitchFamily="18" charset="2"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DF3F157-FE2F-4DAB-AF0E-F60637E9AA77}" type="slidenum">
              <a:rPr lang="en-US"/>
              <a:pPr/>
              <a:t>1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3606669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23701F0-7515-4574-F859-858422769A2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4E66F84-1E94-3ED2-1A2F-8A2CA3260A6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5D72BD3-0613-F78D-35AC-B7FA2E00DB3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D8F09B5-BF56-95E9-5F9D-D63AAFDA95C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31044144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9868BD4-86D3-CE34-E5B4-A82CDA77DD4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7C298AD-CF27-018C-F3A8-67CF639DFD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FDAB766-BB6A-7F53-5D4E-BF5A9D0893C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330C69-B579-0DD6-CFE0-AE71B3B9206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BC509BC-96CC-450E-AF8D-E9E42D454FE3}" type="slidenum">
              <a:rPr lang="en-US" smtClean="0"/>
              <a:pPr/>
              <a:t>2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32404086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DECE33-EB8E-803E-6351-A435F09010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A2387C-24C3-C8F8-B5F1-60003B358D4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CAB9975-E2E1-7A6D-ADB0-E92FA263827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0ECAE5-FF91-59A2-CDF6-17516C96090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94273313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B91E5B8-0254-4517-B9F3-91505765518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66B9D13-AD4D-8445-1443-94642B665EE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1251FEC-447C-D5CA-8734-B7E34985FE1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B5F7AD0-931D-3CEB-0F05-053B1828D32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BC509BC-96CC-450E-AF8D-E9E42D454FE3}" type="slidenum">
              <a:rPr lang="en-US" smtClean="0"/>
              <a:pPr/>
              <a:t>2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99619019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BC509BC-96CC-450E-AF8D-E9E42D454FE3}" type="slidenum">
              <a:rPr lang="en-US" smtClean="0"/>
              <a:pPr/>
              <a:t>2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493087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C416A5E-1D6A-92E5-4A8F-0E35B9CDE1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AE79254-5AC9-66A1-2184-16F932CF101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2F57E2C-805D-4925-C469-931BA04D6E6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D5AE158-4012-8C69-CDD3-9F99225576B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79059091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DF3F157-FE2F-4DAB-AF0E-F60637E9AA77}" type="slidenum">
              <a:rPr lang="en-US"/>
              <a:pPr/>
              <a:t>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4352508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D4CF088-FDF2-B02B-5468-99E04651E8B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BBD640A-5714-8774-99F4-616BD155C1C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F769E7C-8F91-4F11-C46C-EF13E38A904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8C245A-4DE1-B455-2C12-6859481CC30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2659683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68338" y="100013"/>
            <a:ext cx="5449887" cy="306705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DF3F157-FE2F-4DAB-AF0E-F60637E9AA77}" type="slidenum">
              <a:rPr lang="en-US" smtClean="0"/>
              <a:pPr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3619247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560CCCC-1B4F-AE37-9BFE-7F4C9209E69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4295D04-90A6-A555-686C-1247150CCD3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4288EF9-4659-59AA-B7C3-D3767FE2BE8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BF6291-6DD8-B662-75A6-62A9BFC8B49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DF3F157-FE2F-4DAB-AF0E-F60637E9AA77}" type="slidenum">
              <a:rPr lang="en-US"/>
              <a:pPr/>
              <a:t>2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25995567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9A8D157-F908-255F-4CB9-9DADDD908D5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96ADD85-66F2-4B34-5C02-F1A0DFB97A6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95864CA-4B8F-F296-B804-C2FC74D4174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10FA03C-8D98-FBBB-32A2-2CA3459F26B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42044216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DF3F157-FE2F-4DAB-AF0E-F60637E9AA77}" type="slidenum">
              <a:rPr lang="en-US"/>
              <a:pPr/>
              <a:t>2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58090458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Not wanting to communicate until everything is certai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FF6B84-5991-4FDC-AA08-A7F6B3C1C7C1}" type="slidenum">
              <a:rPr lang="en-US"/>
              <a:t>3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17724057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EDB1744-4880-257D-4136-2D2D7E0235A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5C7C3D0-6A83-BFA8-04EA-F5EEB6F87A3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68A9F02-38A3-7BE7-FD76-23F5AFA6FF1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FC8896-E3AF-316C-F144-17816803BEB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FF6B84-5991-4FDC-AA08-A7F6B3C1C7C1}" type="slidenum">
              <a:rPr lang="en-US"/>
              <a:t>3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97290234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BC509BC-96CC-450E-AF8D-E9E42D454FE3}" type="slidenum">
              <a:rPr lang="en-US" smtClean="0"/>
              <a:pPr/>
              <a:t>3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37612607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6A1824-DFBE-5928-2501-4166FA12BA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27C2A77-FDF8-4F29-19C2-3E301E2EC49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7504F7E-95ED-DB09-58A1-B338FC0AC90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080CF3-5C91-9778-4E6F-FF1C6BDADA7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FF6B84-5991-4FDC-AA08-A7F6B3C1C7C1}" type="slidenum">
              <a:rPr lang="en-US"/>
              <a:t>3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90928893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E4B5844-4334-1C9B-E844-83517FFA310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0C6E9CA-C025-D3A6-92A6-C5DC11F3DD6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E31DA05-49C9-AF71-A864-A07C5C613B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AE48BE6-ABA3-E250-4A72-DF8134E866C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FF6B84-5991-4FDC-AA08-A7F6B3C1C7C1}" type="slidenum">
              <a:rPr lang="en-US"/>
              <a:t>3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3072959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76B499-89E5-776C-00D1-679E59A9EEE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28306C5-6B4B-6D08-02D9-E387B002E4C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8CC1FFF-0589-3402-128F-AD44D7827A6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603B0BF-A002-781D-9023-4833F7B1EE7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FF6B84-5991-4FDC-AA08-A7F6B3C1C7C1}" type="slidenum">
              <a:rPr lang="en-US"/>
              <a:t>3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00895351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96E4293-DD4C-C3E5-E5A1-A8CF38156B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E5355A6-3DFB-93ED-C7BC-5DC6A70268B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250B9D3-9CBF-1ECC-62E7-474088A97E7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38EDE9-AE2A-97C9-CD74-675CDD053B9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DF3F157-FE2F-4DAB-AF0E-F60637E9AA77}" type="slidenum">
              <a:rPr lang="en-US"/>
              <a:pPr/>
              <a:t>3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108548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A3805A4-5D25-CA81-B364-1B2A0714CB0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238B9D3-8DC4-CFE8-B82F-DA99EA3FD9C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F064A1-747B-8AD6-C1E3-C470A70C0D6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7FCF915-76E9-EF84-3813-276CE3A8E31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66365547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06E477-A561-CCE3-C8F7-9D01CBA1AAF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5A0E8BF-37B2-70B9-0B5D-8A871D2959B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3F02C1C-9F8D-C462-67C8-8970A69AB0D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DF63FC-3975-274B-6D35-B3D7CA04070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7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87002354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DA678EE-BD9C-8FEF-90B6-4C90F50BAB1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A678A05-89CE-159F-DFBF-1B4617ADEE4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BADB32F-9D09-A4D6-F7DE-DD69A9582FB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C2FDDD-1B3A-7255-F3DA-1C309F22685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8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6253899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Allison: Wrap up comment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DF3F157-FE2F-4DAB-AF0E-F60637E9AA77}" type="slidenum">
              <a:rPr lang="en-US"/>
              <a:pPr/>
              <a:t>3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5713226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-1092200" y="131763"/>
            <a:ext cx="7272338" cy="40909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>
                <a:schemeClr val="accent5"/>
              </a:buClr>
              <a:buSzTx/>
              <a:buFont typeface="Symbol" panose="05050102010706020507" pitchFamily="18" charset="2"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4DFEF08-32CF-4102-9A26-37CA49BC3ECF}" type="slidenum">
              <a:rPr lang="en-US"/>
              <a:pPr/>
              <a:t>4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444864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3298884-03CB-71AC-1436-CB4F7E9C5B0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DA513F4-E346-B0AE-9682-924D9568CCF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8F9511F-259A-93E3-4C8B-9D0F5633638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0BAA5A1-B4FB-E895-D65C-3A469351C85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6838492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-230188" y="131763"/>
            <a:ext cx="5722938" cy="321945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542844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-1092200" y="131763"/>
            <a:ext cx="7272338" cy="40909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4DFEF08-32CF-4102-9A26-37CA49BC3ECF}" type="slidenum">
              <a:rPr lang="en-US"/>
              <a:pPr/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2446607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ABBCF7-E235-30DB-EC62-C4DF1B6C36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20836AB-2152-5356-F1EA-C20E1939974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-1092200" y="131763"/>
            <a:ext cx="7272338" cy="4090987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B8A0846-B483-3D87-9BF6-A6BE8DAAD17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7C01A4F-591A-BADD-9CA8-6831ABEA6AB2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4DFEF08-32CF-4102-9A26-37CA49BC3ECF}" type="slidenum">
              <a:rPr lang="en-US"/>
              <a:pPr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6319586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DF3F157-FE2F-4DAB-AF0E-F60637E9AA77}" type="slidenum">
              <a:rPr lang="en-US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72473108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7CAEA9A-9A90-4A64-1E57-12FAC4D873F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65DD47B-8E6C-84C8-721B-90DA37489FD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6ADC7D6-F158-CF93-8845-E429CB69A04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74265FE-1066-35EF-178F-1C1625FD75C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DF3F157-FE2F-4DAB-AF0E-F60637E9AA77}" type="slidenum">
              <a:rPr kumimoji="0" lang="en-US" sz="10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10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9247277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 bwMode="invGray">
          <a:xfrm>
            <a:off x="-1" y="0"/>
            <a:ext cx="12192001" cy="6858000"/>
          </a:xfrm>
          <a:prstGeom prst="rect">
            <a:avLst/>
          </a:prstGeom>
          <a:gradFill flip="none" rotWithShape="1">
            <a:gsLst>
              <a:gs pos="0">
                <a:schemeClr val="accent5">
                  <a:alpha val="0"/>
                </a:schemeClr>
              </a:gs>
              <a:gs pos="100000">
                <a:schemeClr val="accent5"/>
              </a:gs>
            </a:gsLst>
            <a:lin ang="10800000" scaled="1"/>
            <a:tileRect/>
          </a:gra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grpSp>
        <p:nvGrpSpPr>
          <p:cNvPr id="10" name="Group 9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 bwMode="invGray">
          <a:xfrm>
            <a:off x="7909467" y="0"/>
            <a:ext cx="4282534" cy="4953000"/>
            <a:chOff x="5751982" y="1"/>
            <a:chExt cx="3376613" cy="3905250"/>
          </a:xfrm>
        </p:grpSpPr>
        <p:sp>
          <p:nvSpPr>
            <p:cNvPr id="11" name="Freeform 10"/>
            <p:cNvSpPr>
              <a:spLocks noChangeAspect="1" noChangeArrowheads="1" noTextEdit="1"/>
            </p:cNvSpPr>
            <p:nvPr userDrawn="1"/>
          </p:nvSpPr>
          <p:spPr bwMode="invGray">
            <a:xfrm>
              <a:off x="7119277" y="1"/>
              <a:ext cx="2009318" cy="1819275"/>
            </a:xfrm>
            <a:custGeom>
              <a:avLst/>
              <a:gdLst>
                <a:gd name="connsiteX0" fmla="*/ 0 w 2009318"/>
                <a:gd name="connsiteY0" fmla="*/ 0 h 1819275"/>
                <a:gd name="connsiteX1" fmla="*/ 216303 w 2009318"/>
                <a:gd name="connsiteY1" fmla="*/ 0 h 1819275"/>
                <a:gd name="connsiteX2" fmla="*/ 1044118 w 2009318"/>
                <a:gd name="connsiteY2" fmla="*/ 608012 h 1819275"/>
                <a:gd name="connsiteX3" fmla="*/ 1877401 w 2009318"/>
                <a:gd name="connsiteY3" fmla="*/ 0 h 1819275"/>
                <a:gd name="connsiteX4" fmla="*/ 2009318 w 2009318"/>
                <a:gd name="connsiteY4" fmla="*/ 0 h 1819275"/>
                <a:gd name="connsiteX5" fmla="*/ 2009318 w 2009318"/>
                <a:gd name="connsiteY5" fmla="*/ 148541 h 1819275"/>
                <a:gd name="connsiteX6" fmla="*/ 1044118 w 2009318"/>
                <a:gd name="connsiteY6" fmla="*/ 1819275 h 1819275"/>
                <a:gd name="connsiteX7" fmla="*/ 0 w 2009318"/>
                <a:gd name="connsiteY7" fmla="*/ 0 h 18192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2009318" h="1819275">
                  <a:moveTo>
                    <a:pt x="0" y="0"/>
                  </a:moveTo>
                  <a:lnTo>
                    <a:pt x="216303" y="0"/>
                  </a:lnTo>
                  <a:lnTo>
                    <a:pt x="1044118" y="608012"/>
                  </a:lnTo>
                  <a:lnTo>
                    <a:pt x="1877401" y="0"/>
                  </a:lnTo>
                  <a:lnTo>
                    <a:pt x="2009318" y="0"/>
                  </a:lnTo>
                  <a:lnTo>
                    <a:pt x="2009318" y="148541"/>
                  </a:lnTo>
                  <a:lnTo>
                    <a:pt x="1044118" y="1819275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/>
            </a:p>
          </p:txBody>
        </p:sp>
        <p:sp>
          <p:nvSpPr>
            <p:cNvPr id="12" name="Freeform 11"/>
            <p:cNvSpPr>
              <a:spLocks noChangeAspect="1" noChangeArrowheads="1" noTextEdit="1"/>
            </p:cNvSpPr>
            <p:nvPr userDrawn="1"/>
          </p:nvSpPr>
          <p:spPr bwMode="invGray">
            <a:xfrm>
              <a:off x="5751982" y="1819276"/>
              <a:ext cx="2411413" cy="2085975"/>
            </a:xfrm>
            <a:custGeom>
              <a:avLst/>
              <a:gdLst>
                <a:gd name="connsiteX0" fmla="*/ 0 w 2411413"/>
                <a:gd name="connsiteY0" fmla="*/ 0 h 2085975"/>
                <a:gd name="connsiteX1" fmla="*/ 2411413 w 2411413"/>
                <a:gd name="connsiteY1" fmla="*/ 0 h 2085975"/>
                <a:gd name="connsiteX2" fmla="*/ 1214231 w 2411413"/>
                <a:gd name="connsiteY2" fmla="*/ 2085975 h 2085975"/>
                <a:gd name="connsiteX3" fmla="*/ 1210511 w 2411413"/>
                <a:gd name="connsiteY3" fmla="*/ 2085975 h 2085975"/>
                <a:gd name="connsiteX4" fmla="*/ 1366838 w 2411413"/>
                <a:gd name="connsiteY4" fmla="*/ 601663 h 2085975"/>
                <a:gd name="connsiteX5" fmla="*/ 0 w 2411413"/>
                <a:gd name="connsiteY5" fmla="*/ 0 h 20859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411413" h="2085975">
                  <a:moveTo>
                    <a:pt x="0" y="0"/>
                  </a:moveTo>
                  <a:lnTo>
                    <a:pt x="2411413" y="0"/>
                  </a:lnTo>
                  <a:lnTo>
                    <a:pt x="1214231" y="2085975"/>
                  </a:lnTo>
                  <a:lnTo>
                    <a:pt x="1210511" y="2085975"/>
                  </a:lnTo>
                  <a:lnTo>
                    <a:pt x="1366838" y="60166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/>
            </a:p>
          </p:txBody>
        </p:sp>
        <p:sp>
          <p:nvSpPr>
            <p:cNvPr id="13" name="Freeform 12"/>
            <p:cNvSpPr>
              <a:spLocks noChangeAspect="1" noChangeArrowheads="1" noTextEdit="1"/>
            </p:cNvSpPr>
            <p:nvPr userDrawn="1"/>
          </p:nvSpPr>
          <p:spPr bwMode="invGray">
            <a:xfrm>
              <a:off x="8163395" y="1819275"/>
              <a:ext cx="965200" cy="1670734"/>
            </a:xfrm>
            <a:custGeom>
              <a:avLst/>
              <a:gdLst>
                <a:gd name="connsiteX0" fmla="*/ 0 w 965200"/>
                <a:gd name="connsiteY0" fmla="*/ 0 h 1670734"/>
                <a:gd name="connsiteX1" fmla="*/ 965200 w 965200"/>
                <a:gd name="connsiteY1" fmla="*/ 0 h 1670734"/>
                <a:gd name="connsiteX2" fmla="*/ 965200 w 965200"/>
                <a:gd name="connsiteY2" fmla="*/ 1670734 h 1670734"/>
                <a:gd name="connsiteX3" fmla="*/ 0 w 965200"/>
                <a:gd name="connsiteY3" fmla="*/ 0 h 16707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965200" h="1670734">
                  <a:moveTo>
                    <a:pt x="0" y="0"/>
                  </a:moveTo>
                  <a:lnTo>
                    <a:pt x="965200" y="0"/>
                  </a:lnTo>
                  <a:lnTo>
                    <a:pt x="965200" y="1670734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/>
            </a:p>
          </p:txBody>
        </p:sp>
      </p:grpSp>
      <p:sp>
        <p:nvSpPr>
          <p:cNvPr id="38" name="Text Placeholder 34"/>
          <p:cNvSpPr>
            <a:spLocks noGrp="1"/>
          </p:cNvSpPr>
          <p:nvPr>
            <p:ph type="body" sz="quarter" idx="11" hasCustomPrompt="1"/>
          </p:nvPr>
        </p:nvSpPr>
        <p:spPr bwMode="invGray">
          <a:xfrm>
            <a:off x="579513" y="856431"/>
            <a:ext cx="7010400" cy="619058"/>
          </a:xfrm>
        </p:spPr>
        <p:txBody>
          <a:bodyPr lIns="91440" tIns="45720" rIns="91440" bIns="45720" anchor="b" anchorCtr="0">
            <a:noAutofit/>
          </a:bodyPr>
          <a:lstStyle>
            <a:lvl1pPr marL="0" indent="0">
              <a:buNone/>
              <a:defRPr sz="1800">
                <a:solidFill>
                  <a:schemeClr val="accent1">
                    <a:lumMod val="40000"/>
                    <a:lumOff val="60000"/>
                  </a:schemeClr>
                </a:solidFill>
              </a:defRPr>
            </a:lvl1pPr>
            <a:lvl2pPr marL="296862" indent="0">
              <a:buNone/>
              <a:defRPr>
                <a:solidFill>
                  <a:schemeClr val="bg1"/>
                </a:solidFill>
              </a:defRPr>
            </a:lvl2pPr>
            <a:lvl3pPr marL="600075" indent="0">
              <a:buNone/>
              <a:defRPr>
                <a:solidFill>
                  <a:schemeClr val="bg1"/>
                </a:solidFill>
              </a:defRPr>
            </a:lvl3pPr>
            <a:lvl4pPr marL="835025" indent="0">
              <a:buNone/>
              <a:defRPr>
                <a:solidFill>
                  <a:schemeClr val="bg1"/>
                </a:solidFill>
              </a:defRPr>
            </a:lvl4pPr>
            <a:lvl5pPr marL="1041400" indent="0"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ent Name (Title Case)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579513" y="1475489"/>
            <a:ext cx="7010400" cy="2182111"/>
          </a:xfrm>
        </p:spPr>
        <p:txBody>
          <a:bodyPr anchor="ctr" anchorCtr="0">
            <a:noAutofit/>
          </a:bodyPr>
          <a:lstStyle>
            <a:lvl1pPr algn="l">
              <a:defRPr sz="55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Report Title </a:t>
            </a:r>
            <a:br>
              <a:rPr lang="en-US" dirty="0"/>
            </a:br>
            <a:r>
              <a:rPr lang="en-US" dirty="0"/>
              <a:t>(Title Cas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invGray">
          <a:xfrm>
            <a:off x="579513" y="3733800"/>
            <a:ext cx="7010400" cy="762000"/>
          </a:xfrm>
        </p:spPr>
        <p:txBody>
          <a:bodyPr>
            <a:noAutofit/>
          </a:bodyPr>
          <a:lstStyle>
            <a:lvl1pPr marL="0" indent="0" algn="l"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-Title (Title Case)</a:t>
            </a:r>
          </a:p>
        </p:txBody>
      </p:sp>
      <p:sp>
        <p:nvSpPr>
          <p:cNvPr id="35" name="Text Placeholder 34"/>
          <p:cNvSpPr>
            <a:spLocks noGrp="1"/>
          </p:cNvSpPr>
          <p:nvPr>
            <p:ph type="body" sz="quarter" idx="10" hasCustomPrompt="1"/>
          </p:nvPr>
        </p:nvSpPr>
        <p:spPr bwMode="invGray">
          <a:xfrm>
            <a:off x="579513" y="4495800"/>
            <a:ext cx="7010400" cy="1143000"/>
          </a:xfrm>
          <a:ln>
            <a:noFill/>
          </a:ln>
        </p:spPr>
        <p:txBody>
          <a:bodyPr>
            <a:noAutofit/>
          </a:bodyPr>
          <a:lstStyle>
            <a:lvl1pPr marL="0" indent="0">
              <a:buNone/>
              <a:defRPr sz="1400">
                <a:solidFill>
                  <a:schemeClr val="bg1"/>
                </a:solidFill>
              </a:defRPr>
            </a:lvl1pPr>
            <a:lvl2pPr marL="296862" indent="0">
              <a:buNone/>
              <a:defRPr>
                <a:solidFill>
                  <a:schemeClr val="bg1"/>
                </a:solidFill>
              </a:defRPr>
            </a:lvl2pPr>
            <a:lvl3pPr marL="600075" indent="0">
              <a:buNone/>
              <a:defRPr>
                <a:solidFill>
                  <a:schemeClr val="bg1"/>
                </a:solidFill>
              </a:defRPr>
            </a:lvl3pPr>
            <a:lvl4pPr marL="835025" indent="0">
              <a:buNone/>
              <a:defRPr>
                <a:solidFill>
                  <a:schemeClr val="bg1"/>
                </a:solidFill>
              </a:defRPr>
            </a:lvl4pPr>
            <a:lvl5pPr marL="1041400" indent="0"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Date / Consultant Name / Consultant Name</a:t>
            </a:r>
          </a:p>
        </p:txBody>
      </p:sp>
      <p:sp>
        <p:nvSpPr>
          <p:cNvPr id="37" name="Text Box 47"/>
          <p:cNvSpPr txBox="1">
            <a:spLocks noChangeArrowheads="1"/>
          </p:cNvSpPr>
          <p:nvPr userDrawn="1"/>
        </p:nvSpPr>
        <p:spPr bwMode="invGray">
          <a:xfrm>
            <a:off x="579513" y="6507280"/>
            <a:ext cx="1726755" cy="21544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6350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none">
            <a:spAutoFit/>
          </a:bodyPr>
          <a:lstStyle/>
          <a:p>
            <a:r>
              <a:rPr lang="en-US" sz="800" dirty="0">
                <a:solidFill>
                  <a:schemeClr val="bg1">
                    <a:lumMod val="75000"/>
                  </a:schemeClr>
                </a:solidFill>
              </a:rPr>
              <a:t>© 2025 by The Segal Group, Inc. </a:t>
            </a:r>
          </a:p>
        </p:txBody>
      </p:sp>
      <p:pic>
        <p:nvPicPr>
          <p:cNvPr id="36" name="Picture 35" descr="Segal wordmark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 bwMode="invGray">
          <a:xfrm>
            <a:off x="10793609" y="6300551"/>
            <a:ext cx="1183467" cy="4149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5857487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Custom Blank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4886217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Title 21"/>
          <p:cNvSpPr>
            <a:spLocks noGrp="1"/>
          </p:cNvSpPr>
          <p:nvPr>
            <p:ph type="title" hasCustomPrompt="1"/>
          </p:nvPr>
        </p:nvSpPr>
        <p:spPr/>
        <p:txBody>
          <a:bodyPr anchor="t" anchorCtr="0"/>
          <a:lstStyle/>
          <a:p>
            <a:r>
              <a:rPr lang="en-US" dirty="0"/>
              <a:t>Heading 1 (Title Case)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36989" y="1565364"/>
            <a:ext cx="11811000" cy="48006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US" dirty="0"/>
              <a:t>Add text her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12836790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Title 21"/>
          <p:cNvSpPr>
            <a:spLocks noGrp="1"/>
          </p:cNvSpPr>
          <p:nvPr>
            <p:ph type="title" hasCustomPrompt="1"/>
          </p:nvPr>
        </p:nvSpPr>
        <p:spPr bwMode="invGray"/>
        <p:txBody>
          <a:bodyPr anchor="t" anchorCtr="0"/>
          <a:lstStyle/>
          <a:p>
            <a:r>
              <a:rPr lang="en-US" dirty="0"/>
              <a:t>Heading 1 (Title Case)</a:t>
            </a:r>
          </a:p>
        </p:txBody>
      </p:sp>
      <p:sp>
        <p:nvSpPr>
          <p:cNvPr id="11" name="Text Placeholder 10"/>
          <p:cNvSpPr>
            <a:spLocks noGrp="1"/>
          </p:cNvSpPr>
          <p:nvPr>
            <p:ph type="body" sz="quarter" idx="10" hasCustomPrompt="1"/>
          </p:nvPr>
        </p:nvSpPr>
        <p:spPr bwMode="invGray">
          <a:xfrm>
            <a:off x="228600" y="1565365"/>
            <a:ext cx="11811000" cy="47244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US" dirty="0"/>
              <a:t>Add text her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42242558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Two Content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 hasCustomPrompt="1"/>
          </p:nvPr>
        </p:nvSpPr>
        <p:spPr bwMode="invGray"/>
        <p:txBody>
          <a:bodyPr/>
          <a:lstStyle/>
          <a:p>
            <a:r>
              <a:rPr lang="en-US" dirty="0"/>
              <a:t>Heading 1 (Title Case)</a:t>
            </a:r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0" hasCustomPrompt="1"/>
          </p:nvPr>
        </p:nvSpPr>
        <p:spPr bwMode="invGray">
          <a:xfrm>
            <a:off x="228600" y="1565363"/>
            <a:ext cx="5788152" cy="4817295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defRPr lang="en-US" dirty="0" smtClean="0"/>
            </a:lvl1pPr>
            <a:lvl2pPr>
              <a:defRPr lang="en-US" dirty="0" smtClean="0"/>
            </a:lvl2pPr>
            <a:lvl3pPr>
              <a:defRPr lang="en-US" dirty="0" smtClean="0"/>
            </a:lvl3pPr>
            <a:lvl4pPr>
              <a:defRPr lang="en-US" dirty="0" smtClean="0"/>
            </a:lvl4pPr>
            <a:lvl5pPr>
              <a:defRPr lang="en-US" dirty="0"/>
            </a:lvl5pPr>
          </a:lstStyle>
          <a:p>
            <a:pPr marL="290513" lvl="0" indent="-290513">
              <a:spcBef>
                <a:spcPts val="1800"/>
              </a:spcBef>
              <a:buClr>
                <a:schemeClr val="accent1"/>
              </a:buClr>
              <a:buFont typeface="Symbol" panose="05050102010706020507" pitchFamily="18" charset="2"/>
              <a:buChar char="·"/>
            </a:pPr>
            <a:r>
              <a:rPr lang="en-US" dirty="0"/>
              <a:t>Add text here</a:t>
            </a:r>
          </a:p>
          <a:p>
            <a:pPr lvl="1" indent="-276225">
              <a:spcBef>
                <a:spcPts val="900"/>
              </a:spcBef>
              <a:buClr>
                <a:schemeClr val="accent1"/>
              </a:buClr>
              <a:buChar char="–"/>
            </a:pPr>
            <a:r>
              <a:rPr lang="en-US" dirty="0"/>
              <a:t>Second level</a:t>
            </a:r>
          </a:p>
          <a:p>
            <a:pPr marL="823913" lvl="2" indent="-223838">
              <a:spcBef>
                <a:spcPts val="600"/>
              </a:spcBef>
              <a:buClr>
                <a:schemeClr val="accent1"/>
              </a:buClr>
            </a:pPr>
            <a:r>
              <a:rPr lang="en-US" dirty="0"/>
              <a:t>Third level</a:t>
            </a:r>
          </a:p>
          <a:p>
            <a:pPr marL="1041400" lvl="3" indent="-206375">
              <a:spcBef>
                <a:spcPts val="600"/>
              </a:spcBef>
              <a:buClr>
                <a:schemeClr val="accent1"/>
              </a:buClr>
              <a:buChar char="−"/>
            </a:pPr>
            <a:r>
              <a:rPr lang="en-US" dirty="0"/>
              <a:t>Fourth level</a:t>
            </a:r>
          </a:p>
          <a:p>
            <a:pPr marL="1223963" lvl="4" indent="-182563">
              <a:spcBef>
                <a:spcPts val="600"/>
              </a:spcBef>
              <a:buClr>
                <a:schemeClr val="accent1"/>
              </a:buClr>
              <a:buChar char="›"/>
            </a:pPr>
            <a:r>
              <a:rPr lang="en-US" dirty="0"/>
              <a:t>Fifth level</a:t>
            </a:r>
          </a:p>
        </p:txBody>
      </p:sp>
      <p:sp>
        <p:nvSpPr>
          <p:cNvPr id="27" name="Text Placeholder 6"/>
          <p:cNvSpPr>
            <a:spLocks noGrp="1"/>
          </p:cNvSpPr>
          <p:nvPr>
            <p:ph type="body" sz="quarter" idx="11" hasCustomPrompt="1"/>
          </p:nvPr>
        </p:nvSpPr>
        <p:spPr bwMode="invGray">
          <a:xfrm>
            <a:off x="6172200" y="1565363"/>
            <a:ext cx="5870448" cy="4817295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defRPr lang="en-US" dirty="0" smtClean="0"/>
            </a:lvl1pPr>
            <a:lvl2pPr>
              <a:defRPr lang="en-US" dirty="0" smtClean="0"/>
            </a:lvl2pPr>
            <a:lvl3pPr>
              <a:defRPr lang="en-US" dirty="0" smtClean="0"/>
            </a:lvl3pPr>
            <a:lvl4pPr>
              <a:defRPr lang="en-US" dirty="0" smtClean="0"/>
            </a:lvl4pPr>
            <a:lvl5pPr>
              <a:defRPr lang="en-US" dirty="0"/>
            </a:lvl5pPr>
          </a:lstStyle>
          <a:p>
            <a:pPr marL="290513" lvl="0" indent="-290513">
              <a:spcBef>
                <a:spcPts val="1800"/>
              </a:spcBef>
              <a:buClr>
                <a:schemeClr val="accent1"/>
              </a:buClr>
              <a:buFont typeface="Symbol" panose="05050102010706020507" pitchFamily="18" charset="2"/>
              <a:buChar char="·"/>
            </a:pPr>
            <a:r>
              <a:rPr lang="en-US" dirty="0"/>
              <a:t>Add text here</a:t>
            </a:r>
          </a:p>
          <a:p>
            <a:pPr lvl="1" indent="-276225">
              <a:spcBef>
                <a:spcPts val="900"/>
              </a:spcBef>
              <a:buClr>
                <a:schemeClr val="accent1"/>
              </a:buClr>
              <a:buChar char="–"/>
            </a:pPr>
            <a:r>
              <a:rPr lang="en-US" dirty="0"/>
              <a:t>Second level</a:t>
            </a:r>
          </a:p>
          <a:p>
            <a:pPr marL="823913" lvl="2" indent="-223838">
              <a:spcBef>
                <a:spcPts val="600"/>
              </a:spcBef>
              <a:buClr>
                <a:schemeClr val="accent1"/>
              </a:buClr>
            </a:pPr>
            <a:r>
              <a:rPr lang="en-US" dirty="0"/>
              <a:t>Third level</a:t>
            </a:r>
          </a:p>
          <a:p>
            <a:pPr marL="1041400" lvl="3" indent="-206375">
              <a:spcBef>
                <a:spcPts val="600"/>
              </a:spcBef>
              <a:buClr>
                <a:schemeClr val="accent1"/>
              </a:buClr>
              <a:buChar char="−"/>
            </a:pPr>
            <a:r>
              <a:rPr lang="en-US" dirty="0"/>
              <a:t>Fourth level</a:t>
            </a:r>
          </a:p>
          <a:p>
            <a:pPr marL="1223963" lvl="4" indent="-182563">
              <a:spcBef>
                <a:spcPts val="600"/>
              </a:spcBef>
              <a:buClr>
                <a:schemeClr val="accent1"/>
              </a:buClr>
              <a:buChar char="›"/>
            </a:pPr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93884578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Title Only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 hasCustomPrompt="1"/>
          </p:nvPr>
        </p:nvSpPr>
        <p:spPr bwMode="invGray"/>
        <p:txBody>
          <a:bodyPr/>
          <a:lstStyle/>
          <a:p>
            <a:r>
              <a:rPr lang="en-US" dirty="0"/>
              <a:t>Heading 1 (Title Case)</a:t>
            </a:r>
          </a:p>
        </p:txBody>
      </p:sp>
    </p:spTree>
    <p:extLst>
      <p:ext uri="{BB962C8B-B14F-4D97-AF65-F5344CB8AC3E}">
        <p14:creationId xmlns:p14="http://schemas.microsoft.com/office/powerpoint/2010/main" val="238070914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ustom Blank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2" name="Group 15"/>
          <p:cNvGrpSpPr>
            <a:grpSpLocks noChangeAspect="1"/>
          </p:cNvGrpSpPr>
          <p:nvPr userDrawn="1"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13" name="Freeform 16"/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4" name="Freeform 17"/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5" name="Freeform 18"/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6" name="Freeform 19"/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7" name="Rectangle 20"/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8" name="Freeform 21"/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9" name="Freeform 22"/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0" name="Freeform 23"/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sp>
        <p:nvSpPr>
          <p:cNvPr id="31" name="Slide Number Placeholder 7"/>
          <p:cNvSpPr txBox="1">
            <a:spLocks/>
          </p:cNvSpPr>
          <p:nvPr userDrawn="1"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fld id="{296C8835-0D17-40BE-AF3A-B681D566BC72}" type="slidenum">
              <a:rPr lang="en-US" sz="1400" smtClean="0">
                <a:solidFill>
                  <a:schemeClr val="bg1"/>
                </a:solidFill>
              </a:rPr>
              <a:pPr/>
              <a:t>‹#›</a:t>
            </a:fld>
            <a:endParaRPr lang="en-US" sz="14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2269295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">
    <p:bg bwMode="invGray"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 descr="Photo placeholder for cover image"/>
          <p:cNvSpPr>
            <a:spLocks noGrp="1"/>
          </p:cNvSpPr>
          <p:nvPr>
            <p:ph type="pic" sz="quarter" idx="13" hasCustomPrompt="1"/>
          </p:nvPr>
        </p:nvSpPr>
        <p:spPr bwMode="invGray">
          <a:xfrm>
            <a:off x="0" y="0"/>
            <a:ext cx="12192000" cy="5257800"/>
          </a:xfrm>
          <a:solidFill>
            <a:schemeClr val="bg1">
              <a:lumMod val="85000"/>
            </a:schemeClr>
          </a:solidFill>
        </p:spPr>
        <p:txBody>
          <a:bodyPr tIns="365760"/>
          <a:lstStyle>
            <a:lvl1pPr marL="0" indent="0" algn="ctr">
              <a:spcBef>
                <a:spcPts val="0"/>
              </a:spcBef>
              <a:buNone/>
              <a:defRPr sz="2400" b="1"/>
            </a:lvl1pPr>
          </a:lstStyle>
          <a:p>
            <a:r>
              <a:rPr lang="en-US" dirty="0"/>
              <a:t>To add a cover photo, first select this object, </a:t>
            </a:r>
            <a:br>
              <a:rPr lang="en-US" dirty="0"/>
            </a:br>
            <a:r>
              <a:rPr lang="en-US" dirty="0"/>
              <a:t>then click on a photo or graphic in the Images tab in Templafy.</a:t>
            </a:r>
          </a:p>
        </p:txBody>
      </p:sp>
      <p:sp>
        <p:nvSpPr>
          <p:cNvPr id="12" name="Text Placeholder 11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invGray">
          <a:xfrm>
            <a:off x="3962400" y="2735317"/>
            <a:ext cx="8229600" cy="2514600"/>
          </a:xfrm>
          <a:prstGeom prst="triangle">
            <a:avLst>
              <a:gd name="adj" fmla="val 100000"/>
            </a:avLst>
          </a:prstGeom>
          <a:solidFill>
            <a:schemeClr val="accent1">
              <a:alpha val="65000"/>
            </a:schemeClr>
          </a:solidFill>
          <a:ln>
            <a:solidFill>
              <a:schemeClr val="accent1"/>
            </a:solidFill>
          </a:ln>
        </p:spPr>
        <p:txBody>
          <a:bodyPr/>
          <a:lstStyle>
            <a:lvl1pPr marL="0" indent="0">
              <a:buNone/>
              <a:defRPr baseline="0"/>
            </a:lvl1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10" name="Text Placeholder 9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invGray">
          <a:xfrm>
            <a:off x="0" y="1455683"/>
            <a:ext cx="12192000" cy="3810000"/>
          </a:xfrm>
          <a:prstGeom prst="rtTriangle">
            <a:avLst/>
          </a:prstGeom>
          <a:solidFill>
            <a:schemeClr val="accent5"/>
          </a:solidFill>
          <a:ln>
            <a:solidFill>
              <a:schemeClr val="accent5"/>
            </a:solidFill>
          </a:ln>
        </p:spPr>
        <p:txBody>
          <a:bodyPr/>
          <a:lstStyle>
            <a:lvl1pPr marL="0" indent="0" algn="l">
              <a:buNone/>
              <a:defRPr/>
            </a:lvl1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 hasCustomPrompt="1"/>
          </p:nvPr>
        </p:nvSpPr>
        <p:spPr bwMode="invGray">
          <a:xfrm>
            <a:off x="234462" y="3733800"/>
            <a:ext cx="3164071" cy="341632"/>
          </a:xfrm>
          <a:noFill/>
        </p:spPr>
        <p:txBody>
          <a:bodyPr wrap="none" lIns="91440" tIns="45720" rIns="91440" bIns="45720" anchor="ctr" anchorCtr="0">
            <a:noAutofit/>
          </a:bodyPr>
          <a:lstStyle>
            <a:lvl1pPr marL="0" indent="0">
              <a:buFontTx/>
              <a:buNone/>
              <a:defRPr sz="1800" b="0">
                <a:solidFill>
                  <a:schemeClr val="accent1">
                    <a:lumMod val="40000"/>
                    <a:lumOff val="60000"/>
                  </a:schemeClr>
                </a:solidFill>
              </a:defRPr>
            </a:lvl1pPr>
            <a:lvl2pPr marL="211138" indent="0">
              <a:buFontTx/>
              <a:buNone/>
              <a:defRPr/>
            </a:lvl2pPr>
            <a:lvl3pPr marL="396875" indent="0">
              <a:buFontTx/>
              <a:buNone/>
              <a:defRPr/>
            </a:lvl3pPr>
            <a:lvl4pPr marL="595313" indent="0">
              <a:buFontTx/>
              <a:buNone/>
              <a:defRPr/>
            </a:lvl4pPr>
            <a:lvl5pPr marL="793750" indent="0">
              <a:buFontTx/>
              <a:buNone/>
              <a:defRPr/>
            </a:lvl5pPr>
          </a:lstStyle>
          <a:p>
            <a:pPr lvl="0"/>
            <a:r>
              <a:rPr lang="en-US" dirty="0"/>
              <a:t>Company Name (Title Case) </a:t>
            </a:r>
          </a:p>
        </p:txBody>
      </p:sp>
      <p:sp>
        <p:nvSpPr>
          <p:cNvPr id="35" name="Subtitle 2"/>
          <p:cNvSpPr>
            <a:spLocks noGrp="1"/>
          </p:cNvSpPr>
          <p:nvPr>
            <p:ph type="subTitle" idx="1" hasCustomPrompt="1"/>
          </p:nvPr>
        </p:nvSpPr>
        <p:spPr bwMode="invGray">
          <a:xfrm>
            <a:off x="234462" y="5257800"/>
            <a:ext cx="8147538" cy="762000"/>
          </a:xfrm>
        </p:spPr>
        <p:txBody>
          <a:bodyPr rIns="91440">
            <a:noAutofit/>
          </a:bodyPr>
          <a:lstStyle>
            <a:lvl1pPr marL="0" indent="0" algn="l"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-Title (Title Case)</a:t>
            </a: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2" hasCustomPrompt="1"/>
          </p:nvPr>
        </p:nvSpPr>
        <p:spPr bwMode="invGray">
          <a:xfrm>
            <a:off x="234462" y="6038850"/>
            <a:ext cx="8134508" cy="285750"/>
          </a:xfrm>
        </p:spPr>
        <p:txBody>
          <a:bodyPr lIns="91440" tIns="45720" rIns="91440" bIns="45720"/>
          <a:lstStyle>
            <a:lvl1pPr marL="0" indent="0">
              <a:buNone/>
              <a:defRPr lang="en-US" sz="1200" smtClean="0">
                <a:solidFill>
                  <a:schemeClr val="bg1"/>
                </a:solidFill>
                <a:effectLst/>
              </a:defRPr>
            </a:lvl1pPr>
          </a:lstStyle>
          <a:p>
            <a:r>
              <a:rPr lang="en-US" sz="1200" dirty="0">
                <a:solidFill>
                  <a:srgbClr val="001C71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Date / Consultant Name / Consultant Name</a:t>
            </a:r>
          </a:p>
        </p:txBody>
      </p:sp>
      <p:sp>
        <p:nvSpPr>
          <p:cNvPr id="9" name="Text Box 47"/>
          <p:cNvSpPr txBox="1">
            <a:spLocks noChangeArrowheads="1"/>
          </p:cNvSpPr>
          <p:nvPr/>
        </p:nvSpPr>
        <p:spPr bwMode="invGray">
          <a:xfrm>
            <a:off x="234462" y="6578667"/>
            <a:ext cx="1726755" cy="21544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6350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none">
            <a:spAutoFit/>
          </a:bodyPr>
          <a:lstStyle/>
          <a:p>
            <a:r>
              <a:rPr lang="en-US" sz="800" dirty="0">
                <a:solidFill>
                  <a:schemeClr val="bg1">
                    <a:lumMod val="75000"/>
                  </a:schemeClr>
                </a:solidFill>
              </a:rPr>
              <a:t>© 2025 by The Segal Group, Inc. </a:t>
            </a:r>
          </a:p>
        </p:txBody>
      </p:sp>
      <p:grpSp>
        <p:nvGrpSpPr>
          <p:cNvPr id="26" name="Group 15" descr="Segal logo"/>
          <p:cNvGrpSpPr>
            <a:grpSpLocks noChangeAspect="1"/>
          </p:cNvGrpSpPr>
          <p:nvPr userDrawn="1"/>
        </p:nvGrpSpPr>
        <p:grpSpPr bwMode="gray">
          <a:xfrm>
            <a:off x="10210800" y="6248400"/>
            <a:ext cx="1724303" cy="457985"/>
            <a:chOff x="240" y="3738"/>
            <a:chExt cx="1634" cy="434"/>
          </a:xfrm>
          <a:solidFill>
            <a:schemeClr val="bg1"/>
          </a:solidFill>
        </p:grpSpPr>
        <p:sp>
          <p:nvSpPr>
            <p:cNvPr id="27" name="Freeform 16"/>
            <p:cNvSpPr>
              <a:spLocks/>
            </p:cNvSpPr>
            <p:nvPr userDrawn="1"/>
          </p:nvSpPr>
          <p:spPr bwMode="gray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5"/>
                </a:solidFill>
              </a:endParaRPr>
            </a:p>
          </p:txBody>
        </p:sp>
        <p:sp>
          <p:nvSpPr>
            <p:cNvPr id="28" name="Freeform 17"/>
            <p:cNvSpPr>
              <a:spLocks noEditPoints="1"/>
            </p:cNvSpPr>
            <p:nvPr userDrawn="1"/>
          </p:nvSpPr>
          <p:spPr bwMode="gray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5"/>
                </a:solidFill>
              </a:endParaRPr>
            </a:p>
          </p:txBody>
        </p:sp>
        <p:sp>
          <p:nvSpPr>
            <p:cNvPr id="29" name="Freeform 18"/>
            <p:cNvSpPr>
              <a:spLocks noEditPoints="1"/>
            </p:cNvSpPr>
            <p:nvPr userDrawn="1"/>
          </p:nvSpPr>
          <p:spPr bwMode="gray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5"/>
                </a:solidFill>
              </a:endParaRPr>
            </a:p>
          </p:txBody>
        </p:sp>
        <p:sp>
          <p:nvSpPr>
            <p:cNvPr id="30" name="Freeform 19"/>
            <p:cNvSpPr>
              <a:spLocks noEditPoints="1"/>
            </p:cNvSpPr>
            <p:nvPr userDrawn="1"/>
          </p:nvSpPr>
          <p:spPr bwMode="gray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5"/>
                </a:solidFill>
              </a:endParaRPr>
            </a:p>
          </p:txBody>
        </p:sp>
        <p:sp>
          <p:nvSpPr>
            <p:cNvPr id="31" name="Rectangle 20"/>
            <p:cNvSpPr>
              <a:spLocks noChangeArrowheads="1"/>
            </p:cNvSpPr>
            <p:nvPr userDrawn="1"/>
          </p:nvSpPr>
          <p:spPr bwMode="gray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5"/>
                </a:solidFill>
              </a:endParaRPr>
            </a:p>
          </p:txBody>
        </p:sp>
        <p:sp>
          <p:nvSpPr>
            <p:cNvPr id="32" name="Freeform 21"/>
            <p:cNvSpPr>
              <a:spLocks/>
            </p:cNvSpPr>
            <p:nvPr userDrawn="1"/>
          </p:nvSpPr>
          <p:spPr bwMode="gray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5"/>
                </a:solidFill>
              </a:endParaRPr>
            </a:p>
          </p:txBody>
        </p:sp>
        <p:sp>
          <p:nvSpPr>
            <p:cNvPr id="33" name="Freeform 22"/>
            <p:cNvSpPr>
              <a:spLocks/>
            </p:cNvSpPr>
            <p:nvPr userDrawn="1"/>
          </p:nvSpPr>
          <p:spPr bwMode="gray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5"/>
                </a:solidFill>
              </a:endParaRPr>
            </a:p>
          </p:txBody>
        </p:sp>
        <p:sp>
          <p:nvSpPr>
            <p:cNvPr id="34" name="Freeform 23"/>
            <p:cNvSpPr>
              <a:spLocks/>
            </p:cNvSpPr>
            <p:nvPr userDrawn="1"/>
          </p:nvSpPr>
          <p:spPr bwMode="gray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5"/>
                </a:solidFill>
              </a:endParaRPr>
            </a:p>
          </p:txBody>
        </p:sp>
      </p:grp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4462" y="4114801"/>
            <a:ext cx="8134507" cy="1155643"/>
          </a:xfrm>
        </p:spPr>
        <p:txBody>
          <a:bodyPr lIns="91440" tIns="45720" rIns="91440" bIns="45720" anchor="ctr" anchorCtr="0"/>
          <a:lstStyle>
            <a:lvl1pPr>
              <a:defRPr sz="4000">
                <a:solidFill>
                  <a:schemeClr val="bg1"/>
                </a:solidFill>
              </a:defRPr>
            </a:lvl1pPr>
          </a:lstStyle>
          <a:p>
            <a:r>
              <a:rPr kumimoji="0" lang="en-US" sz="4000" b="0" i="0" u="none" strike="noStrike" kern="0" cap="none" spc="0" normalizeH="0" baseline="0" noProof="0" dirty="0">
                <a:ln>
                  <a:noFill/>
                </a:ln>
                <a:solidFill>
                  <a:srgbClr val="001C71"/>
                </a:solidFill>
                <a:effectLst/>
                <a:uLnTx/>
                <a:uFillTx/>
                <a:latin typeface="Palatino Linotype" panose="02040502050505030304" pitchFamily="18" charset="0"/>
              </a:rPr>
              <a:t>Report Title (Titl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49468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Section_Page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2" name="Group 11">
            <a:extLst>
              <a:ext uri="{FF2B5EF4-FFF2-40B4-BE49-F238E27FC236}">
                <a16:creationId xmlns:a16="http://schemas.microsoft.com/office/drawing/2014/main" id="{D8571CF3-1FFF-A932-CBFA-91ACAA936085}"/>
              </a:ext>
            </a:extLst>
          </p:cNvPr>
          <p:cNvGrpSpPr/>
          <p:nvPr userDrawn="1"/>
        </p:nvGrpSpPr>
        <p:grpSpPr bwMode="invGray">
          <a:xfrm>
            <a:off x="10287000" y="3486387"/>
            <a:ext cx="1973321" cy="3371613"/>
            <a:chOff x="10134600" y="3225997"/>
            <a:chExt cx="2125721" cy="3632003"/>
          </a:xfrm>
        </p:grpSpPr>
        <p:sp>
          <p:nvSpPr>
            <p:cNvPr id="21" name="Isosceles Triangle 20">
              <a:extLs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 userDrawn="1"/>
          </p:nvSpPr>
          <p:spPr bwMode="invGray">
            <a:xfrm>
              <a:off x="10134600" y="3225997"/>
              <a:ext cx="2059749" cy="3632003"/>
            </a:xfrm>
            <a:prstGeom prst="triangle">
              <a:avLst>
                <a:gd name="adj" fmla="val 100000"/>
              </a:avLst>
            </a:prstGeom>
            <a:solidFill>
              <a:schemeClr val="bg1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Isosceles Triangle 10">
              <a:extLst>
                <a:ext uri="{FF2B5EF4-FFF2-40B4-BE49-F238E27FC236}">
                  <a16:creationId xmlns:a16="http://schemas.microsoft.com/office/drawing/2014/main" id="{986A7B25-FD95-3EF9-6A82-FAB365706DA2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 userDrawn="1"/>
          </p:nvSpPr>
          <p:spPr bwMode="invGray">
            <a:xfrm>
              <a:off x="10402125" y="3581400"/>
              <a:ext cx="1858196" cy="3276600"/>
            </a:xfrm>
            <a:prstGeom prst="triangle">
              <a:avLst>
                <a:gd name="adj" fmla="val 100000"/>
              </a:avLst>
            </a:prstGeom>
            <a:solidFill>
              <a:schemeClr val="bg1">
                <a:alpha val="1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</p:grpSp>
      <p:sp>
        <p:nvSpPr>
          <p:cNvPr id="17" name="Text Placeholder 18"/>
          <p:cNvSpPr>
            <a:spLocks noGrp="1"/>
          </p:cNvSpPr>
          <p:nvPr>
            <p:ph type="body" sz="quarter" idx="10"/>
          </p:nvPr>
        </p:nvSpPr>
        <p:spPr bwMode="invGray">
          <a:xfrm>
            <a:off x="1524000" y="2057400"/>
            <a:ext cx="9677400" cy="3429000"/>
          </a:xfrm>
        </p:spPr>
        <p:txBody>
          <a:bodyPr/>
          <a:lstStyle>
            <a:lvl1pPr marL="0" indent="0">
              <a:spcBef>
                <a:spcPts val="2400"/>
              </a:spcBef>
              <a:buClr>
                <a:schemeClr val="accent6"/>
              </a:buClr>
              <a:buFont typeface="Arial" panose="020B0604020202020204" pitchFamily="34" charset="0"/>
              <a:buNone/>
              <a:defRPr sz="2600" b="1">
                <a:solidFill>
                  <a:schemeClr val="bg1"/>
                </a:solidFill>
                <a:latin typeface="+mn-lt"/>
              </a:defRPr>
            </a:lvl1pPr>
            <a:lvl2pPr marL="233363" indent="-233363">
              <a:spcBef>
                <a:spcPts val="1200"/>
              </a:spcBef>
              <a:buClr>
                <a:schemeClr val="accent1">
                  <a:lumMod val="50000"/>
                </a:schemeClr>
              </a:buClr>
              <a:buFont typeface="Symbol" panose="05050102010706020507" pitchFamily="18" charset="2"/>
              <a:buChar char="·"/>
              <a:defRPr b="0">
                <a:solidFill>
                  <a:schemeClr val="bg1"/>
                </a:solidFill>
              </a:defRPr>
            </a:lvl2pPr>
            <a:lvl3pPr marL="538163" indent="-282575">
              <a:spcBef>
                <a:spcPts val="600"/>
              </a:spcBef>
              <a:buClr>
                <a:schemeClr val="accent1">
                  <a:lumMod val="50000"/>
                </a:schemeClr>
              </a:buClr>
              <a:buFont typeface="Arial" panose="020B0604020202020204" pitchFamily="34" charset="0"/>
              <a:buChar char="–"/>
              <a:defRPr b="0">
                <a:solidFill>
                  <a:schemeClr val="bg1"/>
                </a:solidFill>
              </a:defRPr>
            </a:lvl3pPr>
            <a:lvl4pPr marL="555625" indent="0">
              <a:spcBef>
                <a:spcPts val="600"/>
              </a:spcBef>
              <a:buNone/>
              <a:defRPr>
                <a:solidFill>
                  <a:schemeClr val="bg1"/>
                </a:solidFill>
              </a:defRPr>
            </a:lvl4pPr>
            <a:lvl5pPr marL="804863" indent="0">
              <a:spcBef>
                <a:spcPts val="6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8" name="Text Placeholder 18"/>
          <p:cNvSpPr>
            <a:spLocks noGrp="1"/>
          </p:cNvSpPr>
          <p:nvPr>
            <p:ph type="body" sz="quarter" idx="11" hasCustomPrompt="1"/>
          </p:nvPr>
        </p:nvSpPr>
        <p:spPr bwMode="invGray">
          <a:xfrm>
            <a:off x="1066800" y="685800"/>
            <a:ext cx="9982200" cy="762000"/>
          </a:xfrm>
        </p:spPr>
        <p:txBody>
          <a:bodyPr>
            <a:noAutofit/>
          </a:bodyPr>
          <a:lstStyle>
            <a:lvl1pPr marL="331788" indent="-331788">
              <a:spcBef>
                <a:spcPts val="2400"/>
              </a:spcBef>
              <a:buClr>
                <a:schemeClr val="accent2"/>
              </a:buClr>
              <a:buFont typeface="Arial" panose="020B0604020202020204" pitchFamily="34" charset="0"/>
              <a:buChar char="│"/>
              <a:defRPr sz="5400" b="0">
                <a:solidFill>
                  <a:schemeClr val="bg1"/>
                </a:solidFill>
                <a:latin typeface="+mj-lt"/>
              </a:defRPr>
            </a:lvl1pPr>
            <a:lvl2pPr marL="342900" indent="0">
              <a:spcBef>
                <a:spcPts val="1800"/>
              </a:spcBef>
              <a:buNone/>
              <a:defRPr>
                <a:solidFill>
                  <a:schemeClr val="accent1"/>
                </a:solidFill>
              </a:defRPr>
            </a:lvl2pPr>
            <a:lvl3pPr marL="600075" indent="0">
              <a:buNone/>
              <a:defRPr>
                <a:solidFill>
                  <a:schemeClr val="accent1"/>
                </a:solidFill>
              </a:defRPr>
            </a:lvl3pPr>
            <a:lvl4pPr marL="835025" indent="0">
              <a:buNone/>
              <a:defRPr>
                <a:solidFill>
                  <a:schemeClr val="accent1"/>
                </a:solidFill>
              </a:defRPr>
            </a:lvl4pPr>
            <a:lvl5pPr marL="1041400" indent="0">
              <a:buNone/>
              <a:defRPr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Title Goes Here</a:t>
            </a:r>
          </a:p>
        </p:txBody>
      </p:sp>
      <p:sp>
        <p:nvSpPr>
          <p:cNvPr id="37" name="Slide Number Placeholder 7"/>
          <p:cNvSpPr txBox="1">
            <a:spLocks/>
          </p:cNvSpPr>
          <p:nvPr userDrawn="1"/>
        </p:nvSpPr>
        <p:spPr bwMode="invGray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fld id="{296C8835-0D17-40BE-AF3A-B681D566BC72}" type="slidenum">
              <a:rPr lang="en-US" sz="1400" smtClean="0">
                <a:solidFill>
                  <a:schemeClr val="bg1"/>
                </a:solidFill>
              </a:rPr>
              <a:pPr/>
              <a:t>‹#›</a:t>
            </a:fld>
            <a:endParaRPr lang="en-US" sz="1400" dirty="0">
              <a:solidFill>
                <a:schemeClr val="bg1"/>
              </a:solidFill>
            </a:endParaRPr>
          </a:p>
        </p:txBody>
      </p:sp>
      <p:grpSp>
        <p:nvGrpSpPr>
          <p:cNvPr id="2" name="Group 15" descr="Segal logo">
            <a:extLst>
              <a:ext uri="{FF2B5EF4-FFF2-40B4-BE49-F238E27FC236}">
                <a16:creationId xmlns:a16="http://schemas.microsoft.com/office/drawing/2014/main" id="{27DE1806-51A0-1A6F-7691-2B72A1397A77}"/>
              </a:ext>
            </a:extLst>
          </p:cNvPr>
          <p:cNvGrpSpPr>
            <a:grpSpLocks noChangeAspect="1"/>
          </p:cNvGrpSpPr>
          <p:nvPr userDrawn="1"/>
        </p:nvGrpSpPr>
        <p:grpSpPr bwMode="invGray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3" name="Freeform 16">
              <a:extLst>
                <a:ext uri="{FF2B5EF4-FFF2-40B4-BE49-F238E27FC236}">
                  <a16:creationId xmlns:a16="http://schemas.microsoft.com/office/drawing/2014/main" id="{9546DE2F-B09E-3D7A-6B7B-DD28FCB6559B}"/>
                </a:ext>
              </a:extLst>
            </p:cNvPr>
            <p:cNvSpPr>
              <a:spLocks/>
            </p:cNvSpPr>
            <p:nvPr userDrawn="1"/>
          </p:nvSpPr>
          <p:spPr bwMode="invGray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" name="Freeform 17">
              <a:extLst>
                <a:ext uri="{FF2B5EF4-FFF2-40B4-BE49-F238E27FC236}">
                  <a16:creationId xmlns:a16="http://schemas.microsoft.com/office/drawing/2014/main" id="{98395148-4370-611C-FB76-A610390B8D78}"/>
                </a:ext>
              </a:extLst>
            </p:cNvPr>
            <p:cNvSpPr>
              <a:spLocks noEditPoints="1"/>
            </p:cNvSpPr>
            <p:nvPr userDrawn="1"/>
          </p:nvSpPr>
          <p:spPr bwMode="invGray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5" name="Freeform 18">
              <a:extLst>
                <a:ext uri="{FF2B5EF4-FFF2-40B4-BE49-F238E27FC236}">
                  <a16:creationId xmlns:a16="http://schemas.microsoft.com/office/drawing/2014/main" id="{1721B53E-0B86-974A-6F5C-BCC6D52BB261}"/>
                </a:ext>
              </a:extLst>
            </p:cNvPr>
            <p:cNvSpPr>
              <a:spLocks noEditPoints="1"/>
            </p:cNvSpPr>
            <p:nvPr userDrawn="1"/>
          </p:nvSpPr>
          <p:spPr bwMode="invGray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6" name="Freeform 19">
              <a:extLst>
                <a:ext uri="{FF2B5EF4-FFF2-40B4-BE49-F238E27FC236}">
                  <a16:creationId xmlns:a16="http://schemas.microsoft.com/office/drawing/2014/main" id="{7CE16E90-E1F6-377D-E726-23F7365DA5C3}"/>
                </a:ext>
              </a:extLst>
            </p:cNvPr>
            <p:cNvSpPr>
              <a:spLocks noEditPoints="1"/>
            </p:cNvSpPr>
            <p:nvPr userDrawn="1"/>
          </p:nvSpPr>
          <p:spPr bwMode="invGray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" name="Rectangle 20">
              <a:extLst>
                <a:ext uri="{FF2B5EF4-FFF2-40B4-BE49-F238E27FC236}">
                  <a16:creationId xmlns:a16="http://schemas.microsoft.com/office/drawing/2014/main" id="{907F24A4-07B5-D9DF-240C-8F0DB50D2424}"/>
                </a:ext>
              </a:extLst>
            </p:cNvPr>
            <p:cNvSpPr>
              <a:spLocks noChangeArrowheads="1"/>
            </p:cNvSpPr>
            <p:nvPr userDrawn="1"/>
          </p:nvSpPr>
          <p:spPr bwMode="invGray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8" name="Freeform 21">
              <a:extLst>
                <a:ext uri="{FF2B5EF4-FFF2-40B4-BE49-F238E27FC236}">
                  <a16:creationId xmlns:a16="http://schemas.microsoft.com/office/drawing/2014/main" id="{4CC51560-1B94-8337-D7A9-7F457B96AA7F}"/>
                </a:ext>
              </a:extLst>
            </p:cNvPr>
            <p:cNvSpPr>
              <a:spLocks/>
            </p:cNvSpPr>
            <p:nvPr userDrawn="1"/>
          </p:nvSpPr>
          <p:spPr bwMode="invGray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9" name="Freeform 22">
              <a:extLst>
                <a:ext uri="{FF2B5EF4-FFF2-40B4-BE49-F238E27FC236}">
                  <a16:creationId xmlns:a16="http://schemas.microsoft.com/office/drawing/2014/main" id="{2E5A4CAD-A5DD-2497-14A9-06A2880AA3C5}"/>
                </a:ext>
              </a:extLst>
            </p:cNvPr>
            <p:cNvSpPr>
              <a:spLocks/>
            </p:cNvSpPr>
            <p:nvPr userDrawn="1"/>
          </p:nvSpPr>
          <p:spPr bwMode="invGray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0" name="Freeform 23">
              <a:extLst>
                <a:ext uri="{FF2B5EF4-FFF2-40B4-BE49-F238E27FC236}">
                  <a16:creationId xmlns:a16="http://schemas.microsoft.com/office/drawing/2014/main" id="{C932823B-D413-DD05-0D82-FF4DE297DC9A}"/>
                </a:ext>
              </a:extLst>
            </p:cNvPr>
            <p:cNvSpPr>
              <a:spLocks/>
            </p:cNvSpPr>
            <p:nvPr userDrawn="1"/>
          </p:nvSpPr>
          <p:spPr bwMode="invGray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</p:spTree>
    <p:extLst>
      <p:ext uri="{BB962C8B-B14F-4D97-AF65-F5344CB8AC3E}">
        <p14:creationId xmlns:p14="http://schemas.microsoft.com/office/powerpoint/2010/main" val="52306855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Title 21"/>
          <p:cNvSpPr>
            <a:spLocks noGrp="1"/>
          </p:cNvSpPr>
          <p:nvPr>
            <p:ph type="title" hasCustomPrompt="1"/>
          </p:nvPr>
        </p:nvSpPr>
        <p:spPr bwMode="gray"/>
        <p:txBody>
          <a:bodyPr anchor="t" anchorCtr="0"/>
          <a:lstStyle/>
          <a:p>
            <a:r>
              <a:rPr lang="en-US" dirty="0"/>
              <a:t>Heading 1 (Title Case)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1" hasCustomPrompt="1"/>
          </p:nvPr>
        </p:nvSpPr>
        <p:spPr bwMode="gray">
          <a:xfrm>
            <a:off x="236989" y="1565364"/>
            <a:ext cx="11811000" cy="48006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US" dirty="0"/>
              <a:t>Add text her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15069958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gray"/>
        <p:txBody>
          <a:bodyPr anchor="t" anchorCtr="0"/>
          <a:lstStyle/>
          <a:p>
            <a:r>
              <a:rPr lang="en-US" dirty="0"/>
              <a:t>Heading 1 (Title Case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 bwMode="gray">
          <a:xfrm>
            <a:off x="236415" y="1565364"/>
            <a:ext cx="5791200" cy="4800600"/>
          </a:xfrm>
        </p:spPr>
        <p:txBody>
          <a:bodyPr/>
          <a:lstStyle/>
          <a:p>
            <a:pPr lvl="0"/>
            <a:r>
              <a:rPr lang="en-US" dirty="0"/>
              <a:t>Add text her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 bwMode="gray">
          <a:xfrm>
            <a:off x="6172200" y="1565364"/>
            <a:ext cx="5867400" cy="4800600"/>
          </a:xfrm>
        </p:spPr>
        <p:txBody>
          <a:bodyPr/>
          <a:lstStyle/>
          <a:p>
            <a:pPr lvl="0"/>
            <a:r>
              <a:rPr lang="en-US" dirty="0"/>
              <a:t>Add text her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0948458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/>
          <p:cNvSpPr>
            <a:spLocks noGrp="1"/>
          </p:cNvSpPr>
          <p:nvPr>
            <p:ph type="title" hasCustomPrompt="1"/>
          </p:nvPr>
        </p:nvSpPr>
        <p:spPr bwMode="gray"/>
        <p:txBody>
          <a:bodyPr anchor="t" anchorCtr="0"/>
          <a:lstStyle/>
          <a:p>
            <a:r>
              <a:rPr lang="en-US" dirty="0"/>
              <a:t>Heading 1 (Title Case)</a:t>
            </a:r>
          </a:p>
        </p:txBody>
      </p:sp>
    </p:spTree>
    <p:extLst>
      <p:ext uri="{BB962C8B-B14F-4D97-AF65-F5344CB8AC3E}">
        <p14:creationId xmlns:p14="http://schemas.microsoft.com/office/powerpoint/2010/main" val="258830128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2" name="Group 15"/>
          <p:cNvGrpSpPr>
            <a:grpSpLocks noChangeAspect="1"/>
          </p:cNvGrpSpPr>
          <p:nvPr userDrawn="1"/>
        </p:nvGrpSpPr>
        <p:grpSpPr bwMode="gray">
          <a:xfrm>
            <a:off x="10744200" y="6539715"/>
            <a:ext cx="914400" cy="242870"/>
            <a:chOff x="240" y="3738"/>
            <a:chExt cx="1634" cy="434"/>
          </a:xfrm>
        </p:grpSpPr>
        <p:sp>
          <p:nvSpPr>
            <p:cNvPr id="14" name="Freeform 16"/>
            <p:cNvSpPr>
              <a:spLocks/>
            </p:cNvSpPr>
            <p:nvPr userDrawn="1"/>
          </p:nvSpPr>
          <p:spPr bwMode="gray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5" name="Freeform 17"/>
            <p:cNvSpPr>
              <a:spLocks noEditPoints="1"/>
            </p:cNvSpPr>
            <p:nvPr userDrawn="1"/>
          </p:nvSpPr>
          <p:spPr bwMode="gray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5" name="Freeform 18"/>
            <p:cNvSpPr>
              <a:spLocks noEditPoints="1"/>
            </p:cNvSpPr>
            <p:nvPr userDrawn="1"/>
          </p:nvSpPr>
          <p:spPr bwMode="gray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6" name="Freeform 19"/>
            <p:cNvSpPr>
              <a:spLocks noEditPoints="1"/>
            </p:cNvSpPr>
            <p:nvPr userDrawn="1"/>
          </p:nvSpPr>
          <p:spPr bwMode="gray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7" name="Rectangle 20"/>
            <p:cNvSpPr>
              <a:spLocks noChangeArrowheads="1"/>
            </p:cNvSpPr>
            <p:nvPr userDrawn="1"/>
          </p:nvSpPr>
          <p:spPr bwMode="gray">
            <a:xfrm>
              <a:off x="1823" y="3804"/>
              <a:ext cx="51" cy="297"/>
            </a:xfrm>
            <a:prstGeom prst="rect">
              <a:avLst/>
            </a:pr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8" name="Freeform 21"/>
            <p:cNvSpPr>
              <a:spLocks/>
            </p:cNvSpPr>
            <p:nvPr userDrawn="1"/>
          </p:nvSpPr>
          <p:spPr bwMode="gray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rgbClr val="3AC1C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9" name="Freeform 22"/>
            <p:cNvSpPr>
              <a:spLocks/>
            </p:cNvSpPr>
            <p:nvPr userDrawn="1"/>
          </p:nvSpPr>
          <p:spPr bwMode="gray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rgbClr val="3AC1C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0" name="Freeform 23"/>
            <p:cNvSpPr>
              <a:spLocks/>
            </p:cNvSpPr>
            <p:nvPr userDrawn="1"/>
          </p:nvSpPr>
          <p:spPr bwMode="gray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rgbClr val="3AC1C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sp>
        <p:nvSpPr>
          <p:cNvPr id="31" name="Slide Number Placeholder 7"/>
          <p:cNvSpPr txBox="1">
            <a:spLocks/>
          </p:cNvSpPr>
          <p:nvPr userDrawn="1"/>
        </p:nvSpPr>
        <p:spPr bwMode="gray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fld id="{296C8835-0D17-40BE-AF3A-B681D566BC72}" type="slidenum">
              <a:rPr lang="en-US" sz="1400" smtClean="0">
                <a:solidFill>
                  <a:schemeClr val="tx1"/>
                </a:solidFill>
              </a:rPr>
              <a:pPr/>
              <a:t>‹#›</a:t>
            </a:fld>
            <a:endParaRPr lang="en-US" sz="14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724938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577692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ustom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Title 21"/>
          <p:cNvSpPr>
            <a:spLocks noGrp="1"/>
          </p:cNvSpPr>
          <p:nvPr>
            <p:ph type="title" hasCustomPrompt="1"/>
          </p:nvPr>
        </p:nvSpPr>
        <p:spPr/>
        <p:txBody>
          <a:bodyPr anchor="t" anchorCtr="0"/>
          <a:lstStyle/>
          <a:p>
            <a:r>
              <a:rPr lang="en-US" dirty="0"/>
              <a:t>Heading 1 (Title Case)</a:t>
            </a:r>
          </a:p>
        </p:txBody>
      </p:sp>
      <p:sp>
        <p:nvSpPr>
          <p:cNvPr id="11" name="Text Placeholder 10"/>
          <p:cNvSpPr>
            <a:spLocks noGrp="1"/>
          </p:cNvSpPr>
          <p:nvPr>
            <p:ph type="body" sz="quarter" idx="10" hasCustomPrompt="1"/>
          </p:nvPr>
        </p:nvSpPr>
        <p:spPr>
          <a:xfrm>
            <a:off x="228600" y="1565365"/>
            <a:ext cx="11811000" cy="47244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US" dirty="0"/>
              <a:t>Add text her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05083275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5" Type="http://schemas.openxmlformats.org/officeDocument/2006/relationships/theme" Target="../theme/theme2.xml"/><Relationship Id="rId4" Type="http://schemas.openxmlformats.org/officeDocument/2006/relationships/slideLayout" Target="../slideLayouts/slideLayout1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228600" y="228600"/>
            <a:ext cx="11811000" cy="1325563"/>
          </a:xfrm>
          <a:prstGeom prst="rect">
            <a:avLst/>
          </a:prstGeom>
        </p:spPr>
        <p:txBody>
          <a:bodyPr vert="horz" lIns="91440" tIns="45720" rIns="91440" bIns="45720" rtlCol="0" anchor="t" anchorCtr="0">
            <a:noAutofit/>
          </a:bodyPr>
          <a:lstStyle/>
          <a:p>
            <a:r>
              <a:rPr lang="en-US" dirty="0"/>
              <a:t>Heading 1 (Title Case)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40702" y="1565364"/>
            <a:ext cx="11798898" cy="4871387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en-US" dirty="0"/>
              <a:t>Add text her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cxnSp>
        <p:nvCxnSpPr>
          <p:cNvPr id="17" name="Straight Connector 16"/>
          <p:cNvCxnSpPr/>
          <p:nvPr userDrawn="1"/>
        </p:nvCxnSpPr>
        <p:spPr bwMode="gray">
          <a:xfrm flipH="1">
            <a:off x="30822" y="31261"/>
            <a:ext cx="12129916" cy="0"/>
          </a:xfrm>
          <a:prstGeom prst="line">
            <a:avLst/>
          </a:prstGeom>
          <a:ln w="76200" cap="sq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" name="Group 15" descr="Segal logo"/>
          <p:cNvGrpSpPr>
            <a:grpSpLocks noChangeAspect="1"/>
          </p:cNvGrpSpPr>
          <p:nvPr userDrawn="1"/>
        </p:nvGrpSpPr>
        <p:grpSpPr bwMode="gray">
          <a:xfrm>
            <a:off x="10744200" y="6539715"/>
            <a:ext cx="914400" cy="242870"/>
            <a:chOff x="240" y="3738"/>
            <a:chExt cx="1634" cy="434"/>
          </a:xfrm>
        </p:grpSpPr>
        <p:sp>
          <p:nvSpPr>
            <p:cNvPr id="8" name="Freeform 16"/>
            <p:cNvSpPr>
              <a:spLocks/>
            </p:cNvSpPr>
            <p:nvPr userDrawn="1"/>
          </p:nvSpPr>
          <p:spPr bwMode="gray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9" name="Freeform 17"/>
            <p:cNvSpPr>
              <a:spLocks noEditPoints="1"/>
            </p:cNvSpPr>
            <p:nvPr userDrawn="1"/>
          </p:nvSpPr>
          <p:spPr bwMode="gray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0" name="Freeform 18"/>
            <p:cNvSpPr>
              <a:spLocks noEditPoints="1"/>
            </p:cNvSpPr>
            <p:nvPr userDrawn="1"/>
          </p:nvSpPr>
          <p:spPr bwMode="gray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1" name="Freeform 19"/>
            <p:cNvSpPr>
              <a:spLocks noEditPoints="1"/>
            </p:cNvSpPr>
            <p:nvPr userDrawn="1"/>
          </p:nvSpPr>
          <p:spPr bwMode="gray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2" name="Rectangle 20"/>
            <p:cNvSpPr>
              <a:spLocks noChangeArrowheads="1"/>
            </p:cNvSpPr>
            <p:nvPr userDrawn="1"/>
          </p:nvSpPr>
          <p:spPr bwMode="gray">
            <a:xfrm>
              <a:off x="1823" y="3804"/>
              <a:ext cx="51" cy="297"/>
            </a:xfrm>
            <a:prstGeom prst="rect">
              <a:avLst/>
            </a:prstGeom>
            <a:solidFill>
              <a:srgbClr val="252C6A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3" name="Freeform 21"/>
            <p:cNvSpPr>
              <a:spLocks/>
            </p:cNvSpPr>
            <p:nvPr userDrawn="1"/>
          </p:nvSpPr>
          <p:spPr bwMode="gray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rgbClr val="3AC1C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4" name="Freeform 22"/>
            <p:cNvSpPr>
              <a:spLocks/>
            </p:cNvSpPr>
            <p:nvPr userDrawn="1"/>
          </p:nvSpPr>
          <p:spPr bwMode="gray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rgbClr val="3AC1C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5" name="Freeform 23"/>
            <p:cNvSpPr>
              <a:spLocks/>
            </p:cNvSpPr>
            <p:nvPr userDrawn="1"/>
          </p:nvSpPr>
          <p:spPr bwMode="gray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rgbClr val="3AC1CC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cxnSp>
        <p:nvCxnSpPr>
          <p:cNvPr id="18" name="Straight Connector 17"/>
          <p:cNvCxnSpPr/>
          <p:nvPr userDrawn="1"/>
        </p:nvCxnSpPr>
        <p:spPr bwMode="gray">
          <a:xfrm flipH="1">
            <a:off x="31042" y="0"/>
            <a:ext cx="12129916" cy="0"/>
          </a:xfrm>
          <a:prstGeom prst="line">
            <a:avLst/>
          </a:prstGeom>
          <a:ln w="76200" cap="sq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Slide Number Placeholder 7"/>
          <p:cNvSpPr txBox="1">
            <a:spLocks/>
          </p:cNvSpPr>
          <p:nvPr userDrawn="1"/>
        </p:nvSpPr>
        <p:spPr bwMode="gray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fld id="{296C8835-0D17-40BE-AF3A-B681D566BC72}" type="slidenum">
              <a:rPr lang="en-US" sz="1400" smtClean="0">
                <a:solidFill>
                  <a:schemeClr val="tx1"/>
                </a:solidFill>
              </a:rPr>
              <a:pPr/>
              <a:t>‹#›</a:t>
            </a:fld>
            <a:endParaRPr lang="en-US" sz="14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9344482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66" r:id="rId2"/>
    <p:sldLayoutId id="2147483669" r:id="rId3"/>
    <p:sldLayoutId id="2147483650" r:id="rId4"/>
    <p:sldLayoutId id="2147483652" r:id="rId5"/>
    <p:sldLayoutId id="2147483653" r:id="rId6"/>
    <p:sldLayoutId id="2147483655" r:id="rId7"/>
    <p:sldLayoutId id="2147483670" r:id="rId8"/>
    <p:sldLayoutId id="2147483671" r:id="rId9"/>
    <p:sldLayoutId id="2147483673" r:id="rId10"/>
    <p:sldLayoutId id="2147483674" r:id="rId11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90513" indent="-290513" algn="l" defTabSz="914400" rtl="0" eaLnBrk="1" latinLnBrk="0" hangingPunct="1">
        <a:lnSpc>
          <a:spcPct val="90000"/>
        </a:lnSpc>
        <a:spcBef>
          <a:spcPts val="1800"/>
        </a:spcBef>
        <a:buClr>
          <a:schemeClr val="accent5"/>
        </a:buClr>
        <a:buFont typeface="Symbol" panose="05050102010706020507" pitchFamily="18" charset="2"/>
        <a:buChar char="·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574675" indent="-261938" algn="l" defTabSz="914400" rtl="0" eaLnBrk="1" latinLnBrk="0" hangingPunct="1">
        <a:lnSpc>
          <a:spcPct val="90000"/>
        </a:lnSpc>
        <a:spcBef>
          <a:spcPts val="900"/>
        </a:spcBef>
        <a:buClr>
          <a:schemeClr val="accent5"/>
        </a:buClr>
        <a:buFont typeface="Arial" panose="020B0604020202020204" pitchFamily="34" charset="0"/>
        <a:buChar char="–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823913" indent="-223838" algn="l" defTabSz="914400" rtl="0" eaLnBrk="1" latinLnBrk="0" hangingPunct="1">
        <a:lnSpc>
          <a:spcPct val="90000"/>
        </a:lnSpc>
        <a:spcBef>
          <a:spcPts val="600"/>
        </a:spcBef>
        <a:buClr>
          <a:schemeClr val="accent5"/>
        </a:buClr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041400" indent="-206375" algn="l" defTabSz="914400" rtl="0" eaLnBrk="1" latinLnBrk="0" hangingPunct="1">
        <a:lnSpc>
          <a:spcPct val="90000"/>
        </a:lnSpc>
        <a:spcBef>
          <a:spcPts val="600"/>
        </a:spcBef>
        <a:buClr>
          <a:schemeClr val="accent5"/>
        </a:buClr>
        <a:buFont typeface="Arial" panose="020B0604020202020204" pitchFamily="34" charset="0"/>
        <a:buChar char="−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223963" indent="-182563" algn="l" defTabSz="914400" rtl="0" eaLnBrk="1" latinLnBrk="0" hangingPunct="1">
        <a:lnSpc>
          <a:spcPct val="90000"/>
        </a:lnSpc>
        <a:spcBef>
          <a:spcPts val="600"/>
        </a:spcBef>
        <a:buClr>
          <a:schemeClr val="accent5"/>
        </a:buClr>
        <a:buFont typeface="Arial" panose="020B0604020202020204" pitchFamily="34" charset="0"/>
        <a:buChar char="›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44" userDrawn="1">
          <p15:clr>
            <a:srgbClr val="F26B43"/>
          </p15:clr>
        </p15:guide>
        <p15:guide id="2" pos="14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7" name="Straight Connector 26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CxnSpPr/>
          <p:nvPr userDrawn="1"/>
        </p:nvCxnSpPr>
        <p:spPr bwMode="invGray">
          <a:xfrm flipH="1">
            <a:off x="31042" y="0"/>
            <a:ext cx="12129916" cy="0"/>
          </a:xfrm>
          <a:prstGeom prst="line">
            <a:avLst/>
          </a:prstGeom>
          <a:ln w="76200" cap="sq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itle Placeholder 3"/>
          <p:cNvSpPr>
            <a:spLocks noGrp="1"/>
          </p:cNvSpPr>
          <p:nvPr>
            <p:ph type="title"/>
          </p:nvPr>
        </p:nvSpPr>
        <p:spPr bwMode="invGray">
          <a:xfrm>
            <a:off x="228600" y="229779"/>
            <a:ext cx="11811000" cy="1325563"/>
          </a:xfrm>
          <a:prstGeom prst="rect">
            <a:avLst/>
          </a:prstGeom>
        </p:spPr>
        <p:txBody>
          <a:bodyPr vert="horz" lIns="91440" tIns="45720" rIns="91440" bIns="45720" rtlCol="0" anchor="t" anchorCtr="0">
            <a:noAutofit/>
          </a:bodyPr>
          <a:lstStyle/>
          <a:p>
            <a:r>
              <a:rPr lang="en-US" dirty="0"/>
              <a:t>Heading 1 (Title Case)</a:t>
            </a:r>
          </a:p>
        </p:txBody>
      </p:sp>
      <p:grpSp>
        <p:nvGrpSpPr>
          <p:cNvPr id="17" name="Group 15" descr="Segal logo"/>
          <p:cNvGrpSpPr>
            <a:grpSpLocks noChangeAspect="1"/>
          </p:cNvGrpSpPr>
          <p:nvPr userDrawn="1"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18" name="Freeform 16"/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9" name="Freeform 17"/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0" name="Freeform 18"/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1" name="Freeform 19"/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2" name="Rectangle 20"/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3" name="Freeform 21"/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4" name="Freeform 22"/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5" name="Freeform 23"/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sp>
        <p:nvSpPr>
          <p:cNvPr id="26" name="Slide Number Placeholder 7"/>
          <p:cNvSpPr txBox="1">
            <a:spLocks/>
          </p:cNvSpPr>
          <p:nvPr userDrawn="1"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fld id="{296C8835-0D17-40BE-AF3A-B681D566BC72}" type="slidenum">
              <a:rPr lang="en-US" sz="1400" smtClean="0">
                <a:solidFill>
                  <a:schemeClr val="bg1"/>
                </a:solidFill>
              </a:rPr>
              <a:pPr/>
              <a:t>‹#›</a:t>
            </a:fld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15" name="Text Placeholder 2"/>
          <p:cNvSpPr>
            <a:spLocks noGrp="1"/>
          </p:cNvSpPr>
          <p:nvPr>
            <p:ph type="body" idx="1"/>
          </p:nvPr>
        </p:nvSpPr>
        <p:spPr bwMode="invGray">
          <a:xfrm>
            <a:off x="240702" y="1565364"/>
            <a:ext cx="11798898" cy="4871387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en-US" dirty="0"/>
              <a:t>Add text her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70034182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8" r:id="rId1"/>
    <p:sldLayoutId id="2147483663" r:id="rId2"/>
    <p:sldLayoutId id="2147483664" r:id="rId3"/>
    <p:sldLayoutId id="2147483665" r:id="rId4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lang="en-US" sz="4400" kern="1200" dirty="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800"/>
        </a:spcBef>
        <a:buClr>
          <a:schemeClr val="accent1"/>
        </a:buClr>
        <a:buFont typeface="Symbol" panose="05050102010706020507" pitchFamily="18" charset="2"/>
        <a:buChar char="·"/>
        <a:defRPr lang="en-US" sz="2800" kern="1200" smtClean="0">
          <a:solidFill>
            <a:schemeClr val="bg1"/>
          </a:solidFill>
          <a:latin typeface="+mn-lt"/>
          <a:ea typeface="+mn-ea"/>
          <a:cs typeface="+mn-cs"/>
        </a:defRPr>
      </a:lvl1pPr>
      <a:lvl2pPr marL="434975" indent="-217488" algn="l" defTabSz="914400" rtl="0" eaLnBrk="1" latinLnBrk="0" hangingPunct="1">
        <a:lnSpc>
          <a:spcPct val="90000"/>
        </a:lnSpc>
        <a:spcBef>
          <a:spcPts val="900"/>
        </a:spcBef>
        <a:buClr>
          <a:schemeClr val="accent1"/>
        </a:buClr>
        <a:buFont typeface="Arial" panose="020B0604020202020204" pitchFamily="34" charset="0"/>
        <a:buChar char="–"/>
        <a:defRPr lang="en-US" sz="2400" kern="1200" smtClean="0">
          <a:solidFill>
            <a:schemeClr val="bg1"/>
          </a:solidFill>
          <a:latin typeface="+mn-lt"/>
          <a:ea typeface="+mn-ea"/>
          <a:cs typeface="+mn-cs"/>
        </a:defRPr>
      </a:lvl2pPr>
      <a:lvl3pPr marL="661988" indent="-217488" algn="l" defTabSz="914400" rtl="0" eaLnBrk="1" latinLnBrk="0" hangingPunct="1">
        <a:lnSpc>
          <a:spcPct val="90000"/>
        </a:lnSpc>
        <a:spcBef>
          <a:spcPts val="600"/>
        </a:spcBef>
        <a:buClr>
          <a:schemeClr val="accent1"/>
        </a:buClr>
        <a:buFont typeface="Arial" panose="020B0604020202020204" pitchFamily="34" charset="0"/>
        <a:buChar char="•"/>
        <a:defRPr lang="en-US" sz="2000" kern="1200" smtClean="0">
          <a:solidFill>
            <a:schemeClr val="bg1"/>
          </a:solidFill>
          <a:latin typeface="+mn-lt"/>
          <a:ea typeface="+mn-ea"/>
          <a:cs typeface="+mn-cs"/>
        </a:defRPr>
      </a:lvl3pPr>
      <a:lvl4pPr marL="862013" indent="-200025" algn="l" defTabSz="914400" rtl="0" eaLnBrk="1" latinLnBrk="0" hangingPunct="1">
        <a:lnSpc>
          <a:spcPct val="90000"/>
        </a:lnSpc>
        <a:spcBef>
          <a:spcPts val="600"/>
        </a:spcBef>
        <a:buClr>
          <a:schemeClr val="accent1"/>
        </a:buClr>
        <a:buFont typeface="Arial" panose="020B0604020202020204" pitchFamily="34" charset="0"/>
        <a:buChar char="−"/>
        <a:defRPr lang="en-US" sz="1800" kern="1200" smtClean="0">
          <a:solidFill>
            <a:schemeClr val="bg1"/>
          </a:solidFill>
          <a:latin typeface="+mn-lt"/>
          <a:ea typeface="+mn-ea"/>
          <a:cs typeface="+mn-cs"/>
        </a:defRPr>
      </a:lvl4pPr>
      <a:lvl5pPr marL="1027113" indent="-165100" algn="l" defTabSz="914400" rtl="0" eaLnBrk="1" latinLnBrk="0" hangingPunct="1">
        <a:lnSpc>
          <a:spcPct val="90000"/>
        </a:lnSpc>
        <a:spcBef>
          <a:spcPts val="600"/>
        </a:spcBef>
        <a:buClr>
          <a:schemeClr val="accent1"/>
        </a:buClr>
        <a:buFont typeface="Arial" panose="020B0604020202020204" pitchFamily="34" charset="0"/>
        <a:buChar char="›"/>
        <a:defRPr lang="en-US" sz="1800" kern="1200">
          <a:solidFill>
            <a:schemeClr val="bg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44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7" Type="http://schemas.openxmlformats.org/officeDocument/2006/relationships/image" Target="../media/image2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2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slide" Target="slide16.xml"/><Relationship Id="rId3" Type="http://schemas.openxmlformats.org/officeDocument/2006/relationships/slide" Target="slide11.xml"/><Relationship Id="rId7" Type="http://schemas.openxmlformats.org/officeDocument/2006/relationships/slide" Target="slide14.xml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6.xml"/><Relationship Id="rId6" Type="http://schemas.openxmlformats.org/officeDocument/2006/relationships/slide" Target="slide12.xml"/><Relationship Id="rId5" Type="http://schemas.openxmlformats.org/officeDocument/2006/relationships/slide" Target="slide15.xml"/><Relationship Id="rId4" Type="http://schemas.openxmlformats.org/officeDocument/2006/relationships/slide" Target="slide1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6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6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6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6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tags" Target="../tags/tag10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10.xml"/><Relationship Id="rId4" Type="http://schemas.openxmlformats.org/officeDocument/2006/relationships/slideLayout" Target="../slideLayouts/slideLayout10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tags" Target="../tags/tag11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5" Type="http://schemas.openxmlformats.org/officeDocument/2006/relationships/notesSlide" Target="../notesSlides/notesSlide11.xml"/><Relationship Id="rId4" Type="http://schemas.openxmlformats.org/officeDocument/2006/relationships/slideLayout" Target="../slideLayouts/slideLayout10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12.xml"/><Relationship Id="rId4" Type="http://schemas.openxmlformats.org/officeDocument/2006/relationships/slideLayout" Target="../slideLayouts/slideLayout1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3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.xml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8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tags" Target="../tags/tag1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14.xml"/><Relationship Id="rId4" Type="http://schemas.openxmlformats.org/officeDocument/2006/relationships/slideLayout" Target="../slideLayouts/slideLayout10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chart" Target="../charts/chart2.xml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6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5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17.xml"/><Relationship Id="rId4" Type="http://schemas.openxmlformats.org/officeDocument/2006/relationships/slideLayout" Target="../slideLayouts/slideLayout10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5" Type="http://schemas.openxmlformats.org/officeDocument/2006/relationships/notesSlide" Target="../notesSlides/notesSlide18.xml"/><Relationship Id="rId4" Type="http://schemas.openxmlformats.org/officeDocument/2006/relationships/slideLayout" Target="../slideLayouts/slideLayout8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19.xml"/><Relationship Id="rId4" Type="http://schemas.openxmlformats.org/officeDocument/2006/relationships/slideLayout" Target="../slideLayouts/slideLayout10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Relationship Id="rId5" Type="http://schemas.openxmlformats.org/officeDocument/2006/relationships/notesSlide" Target="../notesSlides/notesSlide20.xml"/><Relationship Id="rId4" Type="http://schemas.openxmlformats.org/officeDocument/2006/relationships/slideLayout" Target="../slideLayouts/slideLayout8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8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21.xml"/><Relationship Id="rId4" Type="http://schemas.openxmlformats.org/officeDocument/2006/relationships/slideLayout" Target="../slideLayouts/slideLayout10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tags" Target="../tags/tag19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0.xml"/><Relationship Id="rId5" Type="http://schemas.openxmlformats.org/officeDocument/2006/relationships/notesSlide" Target="../notesSlides/notesSlide22.xml"/><Relationship Id="rId4" Type="http://schemas.openxmlformats.org/officeDocument/2006/relationships/slideLayout" Target="../slideLayouts/slideLayout1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0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tags" Target="../tags/tag20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2.xml"/><Relationship Id="rId5" Type="http://schemas.openxmlformats.org/officeDocument/2006/relationships/notesSlide" Target="../notesSlides/notesSlide23.xml"/><Relationship Id="rId4" Type="http://schemas.openxmlformats.org/officeDocument/2006/relationships/slideLayout" Target="../slideLayouts/slideLayout9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tags" Target="../tags/tag21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44.xml"/><Relationship Id="rId5" Type="http://schemas.openxmlformats.org/officeDocument/2006/relationships/notesSlide" Target="../notesSlides/notesSlide24.xml"/><Relationship Id="rId4" Type="http://schemas.openxmlformats.org/officeDocument/2006/relationships/slideLayout" Target="../slideLayouts/slideLayout9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7.jpeg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tags" Target="../tags/tag22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6.xml"/><Relationship Id="rId5" Type="http://schemas.openxmlformats.org/officeDocument/2006/relationships/notesSlide" Target="../notesSlides/notesSlide26.xml"/><Relationship Id="rId4" Type="http://schemas.openxmlformats.org/officeDocument/2006/relationships/slideLayout" Target="../slideLayouts/slideLayout9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tags" Target="../tags/tag23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48.xml"/><Relationship Id="rId5" Type="http://schemas.openxmlformats.org/officeDocument/2006/relationships/notesSlide" Target="../notesSlides/notesSlide27.xml"/><Relationship Id="rId4" Type="http://schemas.openxmlformats.org/officeDocument/2006/relationships/slideLayout" Target="../slideLayouts/slideLayout9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tags" Target="../tags/tag24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50.xml"/><Relationship Id="rId5" Type="http://schemas.openxmlformats.org/officeDocument/2006/relationships/notesSlide" Target="../notesSlides/notesSlide28.xml"/><Relationship Id="rId4" Type="http://schemas.openxmlformats.org/officeDocument/2006/relationships/slideLayout" Target="../slideLayouts/slideLayout9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tags" Target="../tags/tag25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2.xml"/><Relationship Id="rId5" Type="http://schemas.openxmlformats.org/officeDocument/2006/relationships/notesSlide" Target="../notesSlides/notesSlide29.xml"/><Relationship Id="rId4" Type="http://schemas.openxmlformats.org/officeDocument/2006/relationships/slideLayout" Target="../slideLayouts/slideLayout11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tags" Target="../tags/tag26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54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30.xml"/><Relationship Id="rId4" Type="http://schemas.openxmlformats.org/officeDocument/2006/relationships/slideLayout" Target="../slideLayouts/slideLayout10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tags" Target="../tags/tag27.xml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56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31.xml"/><Relationship Id="rId4" Type="http://schemas.openxmlformats.org/officeDocument/2006/relationships/slideLayout" Target="../slideLayouts/slideLayout10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tags" Target="../tags/tag28.xml"/><Relationship Id="rId2" Type="http://schemas.openxmlformats.org/officeDocument/2006/relationships/customXml" Target="../../customXml/item59.xml"/><Relationship Id="rId1" Type="http://schemas.openxmlformats.org/officeDocument/2006/relationships/customXml" Target="../../customXml/item58.xml"/><Relationship Id="rId5" Type="http://schemas.openxmlformats.org/officeDocument/2006/relationships/notesSlide" Target="../notesSlides/notesSlide32.xml"/><Relationship Id="rId4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10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tags" Target="../tags/tag29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60.xml"/><Relationship Id="rId5" Type="http://schemas.openxmlformats.org/officeDocument/2006/relationships/notesSlide" Target="../notesSlides/notesSlide33.xml"/><Relationship Id="rId4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3.bin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1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5" Type="http://schemas.openxmlformats.org/officeDocument/2006/relationships/notesSlide" Target="../notesSlides/notesSlide7.xml"/><Relationship Id="rId4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9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5" Type="http://schemas.openxmlformats.org/officeDocument/2006/relationships/notesSlide" Target="../notesSlides/notesSlide8.xml"/><Relationship Id="rId4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6">
            <a:extLst>
              <a:ext uri="{FF2B5EF4-FFF2-40B4-BE49-F238E27FC236}">
                <a16:creationId xmlns:a16="http://schemas.microsoft.com/office/drawing/2014/main" id="{7FEAC301-9B58-DAED-7194-2F4ECC112548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4576" b="14576"/>
          <a:stretch>
            <a:fillRect/>
          </a:stretch>
        </p:blipFill>
        <p:spPr bwMode="gray">
          <a:xfrm>
            <a:off x="0" y="0"/>
            <a:ext cx="12192000" cy="5257800"/>
          </a:xfr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883FB636-987F-BE5F-8520-4D52DF3539D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/>
        <p:txBody>
          <a:bodyPr/>
          <a:lstStyle/>
          <a:p>
            <a:endParaRPr lang="en-US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1FEB811F-1FFA-FD49-D262-1E7BA606D2F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/>
        <p:txBody>
          <a:bodyPr/>
          <a:lstStyle/>
          <a:p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0956BEB-23DB-53AA-E00F-0FE23521F7F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 bwMode="gray"/>
        <p:txBody>
          <a:bodyPr/>
          <a:lstStyle/>
          <a:p>
            <a:r>
              <a:rPr lang="en-US" dirty="0"/>
              <a:t>December 10, 2025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7E5A8FDE-A332-271B-937D-0D1B3B3C258A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234462" y="5402317"/>
            <a:ext cx="8147538" cy="762000"/>
          </a:xfrm>
        </p:spPr>
        <p:txBody>
          <a:bodyPr/>
          <a:lstStyle/>
          <a:p>
            <a:pPr>
              <a:spcBef>
                <a:spcPts val="0"/>
              </a:spcBef>
            </a:pPr>
            <a:r>
              <a:rPr lang="en-US" sz="1800" b="1" dirty="0"/>
              <a:t>Allison Vaillancourt, PhD</a:t>
            </a:r>
          </a:p>
          <a:p>
            <a:pPr>
              <a:spcBef>
                <a:spcPts val="0"/>
              </a:spcBef>
            </a:pPr>
            <a:r>
              <a:rPr lang="en-US" sz="1800" dirty="0"/>
              <a:t>Vice President, Organizational Effectiveness </a:t>
            </a:r>
          </a:p>
          <a:p>
            <a:endParaRPr lang="en-US" sz="160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A8B5F98-0BC0-AC5C-0D76-1C3165D09BF5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34462" y="4238791"/>
            <a:ext cx="8134507" cy="1155643"/>
          </a:xfrm>
        </p:spPr>
        <p:txBody>
          <a:bodyPr/>
          <a:lstStyle/>
          <a:p>
            <a:r>
              <a:rPr lang="en-US" sz="3200" dirty="0"/>
              <a:t>Adapt to Endure: The New HR Playbook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7946471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EC8DA569-2B8C-6856-F23F-898F87A1AD7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5644BB-C655-A4EE-6FFB-3728599D20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609600"/>
            <a:ext cx="12192000" cy="1325563"/>
          </a:xfrm>
        </p:spPr>
        <p:txBody>
          <a:bodyPr/>
          <a:lstStyle/>
          <a:p>
            <a:pPr algn="ctr"/>
            <a:r>
              <a:rPr lang="en-US" sz="6600" dirty="0">
                <a:solidFill>
                  <a:schemeClr val="bg1"/>
                </a:solidFill>
              </a:rPr>
              <a:t>Jeopardy</a:t>
            </a:r>
            <a:br>
              <a:rPr lang="en-US" sz="6600" dirty="0">
                <a:solidFill>
                  <a:schemeClr val="bg1"/>
                </a:solidFill>
              </a:rPr>
            </a:br>
            <a:r>
              <a:rPr lang="en-US" dirty="0">
                <a:solidFill>
                  <a:schemeClr val="accent6"/>
                </a:solidFill>
              </a:rPr>
              <a:t>Abbreviated </a:t>
            </a:r>
            <a:r>
              <a:rPr lang="en-US" i="1" dirty="0">
                <a:solidFill>
                  <a:schemeClr val="accent6"/>
                </a:solidFill>
              </a:rPr>
              <a:t>Name That Curveball </a:t>
            </a:r>
            <a:r>
              <a:rPr lang="en-US" dirty="0">
                <a:solidFill>
                  <a:schemeClr val="accent6"/>
                </a:solidFill>
              </a:rPr>
              <a:t>Edition</a:t>
            </a:r>
            <a:br>
              <a:rPr lang="en-US" dirty="0">
                <a:solidFill>
                  <a:schemeClr val="bg1"/>
                </a:solidFill>
              </a:rPr>
            </a:br>
            <a:endParaRPr lang="en-US" dirty="0">
              <a:solidFill>
                <a:schemeClr val="bg1"/>
              </a:solidFill>
            </a:endParaRP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10F472BF-C62E-75E4-470D-75289947936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08058860"/>
              </p:ext>
            </p:extLst>
          </p:nvPr>
        </p:nvGraphicFramePr>
        <p:xfrm>
          <a:off x="990600" y="2667000"/>
          <a:ext cx="10515600" cy="3028816"/>
        </p:xfrm>
        <a:graphic>
          <a:graphicData uri="http://schemas.openxmlformats.org/drawingml/2006/table">
            <a:tbl>
              <a:tblPr firstRow="1" bandRow="1">
                <a:tableStyleId>{3B4B98B0-60AC-42C2-AFA5-B58CD77FA1E5}</a:tableStyleId>
              </a:tblPr>
              <a:tblGrid>
                <a:gridCol w="3505200">
                  <a:extLst>
                    <a:ext uri="{9D8B030D-6E8A-4147-A177-3AD203B41FA5}">
                      <a16:colId xmlns:a16="http://schemas.microsoft.com/office/drawing/2014/main" val="3746554287"/>
                    </a:ext>
                  </a:extLst>
                </a:gridCol>
                <a:gridCol w="3505200">
                  <a:extLst>
                    <a:ext uri="{9D8B030D-6E8A-4147-A177-3AD203B41FA5}">
                      <a16:colId xmlns:a16="http://schemas.microsoft.com/office/drawing/2014/main" val="1165079630"/>
                    </a:ext>
                  </a:extLst>
                </a:gridCol>
                <a:gridCol w="3505200">
                  <a:extLst>
                    <a:ext uri="{9D8B030D-6E8A-4147-A177-3AD203B41FA5}">
                      <a16:colId xmlns:a16="http://schemas.microsoft.com/office/drawing/2014/main" val="1937868509"/>
                    </a:ext>
                  </a:extLst>
                </a:gridCol>
              </a:tblGrid>
              <a:tr h="1373132">
                <a:tc>
                  <a:txBody>
                    <a:bodyPr/>
                    <a:lstStyle/>
                    <a:p>
                      <a:pPr algn="ctr"/>
                      <a:r>
                        <a:rPr lang="en-US" sz="3200" dirty="0">
                          <a:solidFill>
                            <a:schemeClr val="bg1"/>
                          </a:solidFill>
                        </a:rPr>
                        <a:t>Show Me the Money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3200" dirty="0">
                          <a:solidFill>
                            <a:schemeClr val="bg1"/>
                          </a:solidFill>
                        </a:rPr>
                        <a:t>What Used to Be True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3200" dirty="0">
                          <a:solidFill>
                            <a:schemeClr val="bg1"/>
                          </a:solidFill>
                        </a:rPr>
                        <a:t>That Can’t Be Good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6908799"/>
                  </a:ext>
                </a:extLst>
              </a:tr>
              <a:tr h="836668">
                <a:tc>
                  <a:txBody>
                    <a:bodyPr/>
                    <a:lstStyle/>
                    <a:p>
                      <a:pPr algn="ctr"/>
                      <a:r>
                        <a:rPr lang="en-US" sz="4000" b="1" dirty="0">
                          <a:solidFill>
                            <a:schemeClr val="accent6"/>
                          </a:solidFill>
                          <a:hlinkClick r:id="rId3" action="ppaction://hlinksldjump"/>
                        </a:rPr>
                        <a:t>$500</a:t>
                      </a:r>
                      <a:endParaRPr lang="en-US" sz="4000" b="1" dirty="0">
                        <a:solidFill>
                          <a:schemeClr val="accent6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4000" b="1" dirty="0">
                          <a:solidFill>
                            <a:schemeClr val="accent6"/>
                          </a:solidFill>
                          <a:hlinkClick r:id="rId4" action="ppaction://hlinksldjump"/>
                        </a:rPr>
                        <a:t>$500</a:t>
                      </a:r>
                      <a:endParaRPr lang="en-US" sz="4000" b="1" dirty="0">
                        <a:solidFill>
                          <a:schemeClr val="accent6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4000" b="1" dirty="0">
                          <a:solidFill>
                            <a:schemeClr val="accent6"/>
                          </a:solidFill>
                          <a:hlinkClick r:id="rId5" action="ppaction://hlinksldjump"/>
                        </a:rPr>
                        <a:t>$500</a:t>
                      </a:r>
                      <a:endParaRPr lang="en-US" sz="4000" b="1" dirty="0">
                        <a:solidFill>
                          <a:schemeClr val="accent6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457345384"/>
                  </a:ext>
                </a:extLst>
              </a:tr>
              <a:tr h="819016">
                <a:tc>
                  <a:txBody>
                    <a:bodyPr/>
                    <a:lstStyle/>
                    <a:p>
                      <a:pPr algn="ctr"/>
                      <a:r>
                        <a:rPr lang="en-US" sz="4000" b="1" dirty="0">
                          <a:solidFill>
                            <a:schemeClr val="accent6"/>
                          </a:solidFill>
                          <a:hlinkClick r:id="rId6" action="ppaction://hlinksldjump"/>
                        </a:rPr>
                        <a:t>$1000</a:t>
                      </a:r>
                      <a:endParaRPr lang="en-US" sz="4000" b="1" dirty="0">
                        <a:solidFill>
                          <a:schemeClr val="accent6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4000" b="1" dirty="0">
                          <a:solidFill>
                            <a:schemeClr val="accent6"/>
                          </a:solidFill>
                          <a:hlinkClick r:id="rId7" action="ppaction://hlinksldjump"/>
                        </a:rPr>
                        <a:t>$1000</a:t>
                      </a:r>
                      <a:endParaRPr lang="en-US" sz="4000" b="1" dirty="0">
                        <a:solidFill>
                          <a:schemeClr val="accent6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4000" b="1" dirty="0">
                          <a:solidFill>
                            <a:schemeClr val="accent6"/>
                          </a:solidFill>
                          <a:hlinkClick r:id="rId8" action="ppaction://hlinksldjump"/>
                        </a:rPr>
                        <a:t>$1000</a:t>
                      </a:r>
                      <a:endParaRPr lang="en-US" sz="4000" b="1" dirty="0">
                        <a:solidFill>
                          <a:schemeClr val="accent6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3274265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048316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B8BED017-25F6-EFB6-1E11-50ED3126466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04F9855-EC6C-A13C-3153-25EB01FF07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800" dirty="0">
                <a:solidFill>
                  <a:schemeClr val="accent6"/>
                </a:solidFill>
              </a:rPr>
              <a:t>Show Me the Money: $500</a:t>
            </a:r>
          </a:p>
        </p:txBody>
      </p:sp>
      <p:sp>
        <p:nvSpPr>
          <p:cNvPr id="530" name="Speech Bubble: Oval 529">
            <a:extLst>
              <a:ext uri="{FF2B5EF4-FFF2-40B4-BE49-F238E27FC236}">
                <a16:creationId xmlns:a16="http://schemas.microsoft.com/office/drawing/2014/main" id="{DEDB6435-6192-FAE3-885D-B644C172CACD}"/>
              </a:ext>
            </a:extLst>
          </p:cNvPr>
          <p:cNvSpPr/>
          <p:nvPr/>
        </p:nvSpPr>
        <p:spPr>
          <a:xfrm>
            <a:off x="7620000" y="1325608"/>
            <a:ext cx="4343400" cy="4206783"/>
          </a:xfrm>
          <a:prstGeom prst="wedgeEllipseCallout">
            <a:avLst>
              <a:gd name="adj1" fmla="val -37687"/>
              <a:gd name="adj2" fmla="val 49783"/>
            </a:avLst>
          </a:prstGeom>
          <a:noFill/>
          <a:ln w="38100">
            <a:solidFill>
              <a:schemeClr val="bg2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531" name="Graphic 530">
            <a:extLst>
              <a:ext uri="{FF2B5EF4-FFF2-40B4-BE49-F238E27FC236}">
                <a16:creationId xmlns:a16="http://schemas.microsoft.com/office/drawing/2014/main" id="{02017E66-29F1-BD72-4CAA-87BFADA3BDA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200400" y="1810409"/>
            <a:ext cx="4828824" cy="5276191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ED677FCC-E420-C1F1-39A2-730D03D86604}"/>
              </a:ext>
            </a:extLst>
          </p:cNvPr>
          <p:cNvSpPr txBox="1"/>
          <p:nvPr/>
        </p:nvSpPr>
        <p:spPr>
          <a:xfrm>
            <a:off x="8029224" y="1989005"/>
            <a:ext cx="3438876" cy="267765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his caused colleges and universities to lose an estimated $3 billion in revenue in 2025</a:t>
            </a:r>
          </a:p>
        </p:txBody>
      </p:sp>
    </p:spTree>
    <p:extLst>
      <p:ext uri="{BB962C8B-B14F-4D97-AF65-F5344CB8AC3E}">
        <p14:creationId xmlns:p14="http://schemas.microsoft.com/office/powerpoint/2010/main" val="118598474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4F524EDC-2D9E-A95F-7796-F4802450D3E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0F13A71-7BC9-12E6-AA94-9648FE719B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800" dirty="0">
                <a:solidFill>
                  <a:schemeClr val="accent6"/>
                </a:solidFill>
              </a:rPr>
              <a:t>Show Me the Money: $1000</a:t>
            </a:r>
          </a:p>
        </p:txBody>
      </p:sp>
      <p:sp>
        <p:nvSpPr>
          <p:cNvPr id="530" name="Speech Bubble: Oval 529">
            <a:extLst>
              <a:ext uri="{FF2B5EF4-FFF2-40B4-BE49-F238E27FC236}">
                <a16:creationId xmlns:a16="http://schemas.microsoft.com/office/drawing/2014/main" id="{BDE12CF5-DE73-C42D-A6C9-4A46F82E5D25}"/>
              </a:ext>
            </a:extLst>
          </p:cNvPr>
          <p:cNvSpPr/>
          <p:nvPr/>
        </p:nvSpPr>
        <p:spPr>
          <a:xfrm>
            <a:off x="7620000" y="1325608"/>
            <a:ext cx="4343400" cy="4206783"/>
          </a:xfrm>
          <a:prstGeom prst="wedgeEllipseCallout">
            <a:avLst>
              <a:gd name="adj1" fmla="val -37687"/>
              <a:gd name="adj2" fmla="val 49783"/>
            </a:avLst>
          </a:prstGeom>
          <a:noFill/>
          <a:ln w="38100">
            <a:solidFill>
              <a:schemeClr val="bg2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531" name="Graphic 530">
            <a:extLst>
              <a:ext uri="{FF2B5EF4-FFF2-40B4-BE49-F238E27FC236}">
                <a16:creationId xmlns:a16="http://schemas.microsoft.com/office/drawing/2014/main" id="{AA87E1F3-823A-99FA-59F9-01071E4DFA5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200400" y="1810409"/>
            <a:ext cx="4828824" cy="5276191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EEDA18E3-D749-70A6-C0FC-694C9F192C4D}"/>
              </a:ext>
            </a:extLst>
          </p:cNvPr>
          <p:cNvSpPr txBox="1"/>
          <p:nvPr/>
        </p:nvSpPr>
        <p:spPr>
          <a:xfrm>
            <a:off x="8029224" y="1989005"/>
            <a:ext cx="3438876" cy="224676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2800" dirty="0">
                <a:solidFill>
                  <a:schemeClr val="bg1"/>
                </a:solidFill>
              </a:rPr>
              <a:t>Will make it increasingly difficult for medical students to afford their degrees</a:t>
            </a:r>
          </a:p>
        </p:txBody>
      </p:sp>
    </p:spTree>
    <p:extLst>
      <p:ext uri="{BB962C8B-B14F-4D97-AF65-F5344CB8AC3E}">
        <p14:creationId xmlns:p14="http://schemas.microsoft.com/office/powerpoint/2010/main" val="398009553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0745F6CB-AA64-7BB1-256B-64292E2FF61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AE99D20-37C0-16EE-C7EB-5A8D17E1DA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800" dirty="0">
                <a:solidFill>
                  <a:schemeClr val="accent6"/>
                </a:solidFill>
              </a:rPr>
              <a:t>What Used to Be True: $500</a:t>
            </a:r>
          </a:p>
        </p:txBody>
      </p:sp>
      <p:sp>
        <p:nvSpPr>
          <p:cNvPr id="530" name="Speech Bubble: Oval 529">
            <a:extLst>
              <a:ext uri="{FF2B5EF4-FFF2-40B4-BE49-F238E27FC236}">
                <a16:creationId xmlns:a16="http://schemas.microsoft.com/office/drawing/2014/main" id="{336FE55B-8953-0F77-47E1-3EED28CAE713}"/>
              </a:ext>
            </a:extLst>
          </p:cNvPr>
          <p:cNvSpPr/>
          <p:nvPr/>
        </p:nvSpPr>
        <p:spPr>
          <a:xfrm>
            <a:off x="7620000" y="1325608"/>
            <a:ext cx="4343400" cy="4206783"/>
          </a:xfrm>
          <a:prstGeom prst="wedgeEllipseCallout">
            <a:avLst>
              <a:gd name="adj1" fmla="val -37687"/>
              <a:gd name="adj2" fmla="val 49783"/>
            </a:avLst>
          </a:prstGeom>
          <a:noFill/>
          <a:ln w="38100">
            <a:solidFill>
              <a:schemeClr val="bg2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531" name="Graphic 530">
            <a:extLst>
              <a:ext uri="{FF2B5EF4-FFF2-40B4-BE49-F238E27FC236}">
                <a16:creationId xmlns:a16="http://schemas.microsoft.com/office/drawing/2014/main" id="{6EE03E39-3B7D-AC33-F9D3-D415075F675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200400" y="1810409"/>
            <a:ext cx="4828824" cy="5276191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2DAEFCE-EEAA-8139-0CB6-93B3E65E975F}"/>
              </a:ext>
            </a:extLst>
          </p:cNvPr>
          <p:cNvSpPr txBox="1"/>
          <p:nvPr/>
        </p:nvSpPr>
        <p:spPr>
          <a:xfrm>
            <a:off x="8029224" y="1989005"/>
            <a:ext cx="3438876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4AF4C8F-4909-CB8B-6DAF-8685FDDD4583}"/>
              </a:ext>
            </a:extLst>
          </p:cNvPr>
          <p:cNvSpPr txBox="1"/>
          <p:nvPr/>
        </p:nvSpPr>
        <p:spPr>
          <a:xfrm>
            <a:off x="8029224" y="2412573"/>
            <a:ext cx="3438876" cy="206210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re long seen as a reliable source of tuition revenue</a:t>
            </a:r>
          </a:p>
        </p:txBody>
      </p:sp>
    </p:spTree>
    <p:extLst>
      <p:ext uri="{BB962C8B-B14F-4D97-AF65-F5344CB8AC3E}">
        <p14:creationId xmlns:p14="http://schemas.microsoft.com/office/powerpoint/2010/main" val="194755170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CB4256B8-3AED-F4C6-E472-4C9CA9D132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F4216AE1-E2B0-AB2F-1E65-F45B501E3A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800" dirty="0">
                <a:solidFill>
                  <a:schemeClr val="accent6"/>
                </a:solidFill>
              </a:rPr>
              <a:t>What Used to Be True: $1000</a:t>
            </a:r>
          </a:p>
        </p:txBody>
      </p:sp>
      <p:sp>
        <p:nvSpPr>
          <p:cNvPr id="530" name="Speech Bubble: Oval 529">
            <a:extLst>
              <a:ext uri="{FF2B5EF4-FFF2-40B4-BE49-F238E27FC236}">
                <a16:creationId xmlns:a16="http://schemas.microsoft.com/office/drawing/2014/main" id="{9E1070D2-E5C7-1A03-6D4A-1B76FF693402}"/>
              </a:ext>
            </a:extLst>
          </p:cNvPr>
          <p:cNvSpPr/>
          <p:nvPr/>
        </p:nvSpPr>
        <p:spPr>
          <a:xfrm>
            <a:off x="7162800" y="1371599"/>
            <a:ext cx="4572000" cy="4038601"/>
          </a:xfrm>
          <a:prstGeom prst="wedgeEllipseCallout">
            <a:avLst>
              <a:gd name="adj1" fmla="val -37687"/>
              <a:gd name="adj2" fmla="val 49783"/>
            </a:avLst>
          </a:prstGeom>
          <a:noFill/>
          <a:ln w="38100">
            <a:solidFill>
              <a:schemeClr val="bg2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pic>
        <p:nvPicPr>
          <p:cNvPr id="531" name="Graphic 530">
            <a:extLst>
              <a:ext uri="{FF2B5EF4-FFF2-40B4-BE49-F238E27FC236}">
                <a16:creationId xmlns:a16="http://schemas.microsoft.com/office/drawing/2014/main" id="{EEABB271-8594-477E-88AF-2D4F4540D02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664176" y="2286000"/>
            <a:ext cx="4828824" cy="4895191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DE7179E0-22CC-D036-5984-7FF174703321}"/>
              </a:ext>
            </a:extLst>
          </p:cNvPr>
          <p:cNvSpPr txBox="1"/>
          <p:nvPr/>
        </p:nvSpPr>
        <p:spPr>
          <a:xfrm>
            <a:off x="8077200" y="1606633"/>
            <a:ext cx="3048000" cy="35394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200" dirty="0">
                <a:solidFill>
                  <a:schemeClr val="bg1"/>
                </a:solidFill>
              </a:rPr>
              <a:t>This qualification was typically required for incoming higher education presidents</a:t>
            </a:r>
          </a:p>
        </p:txBody>
      </p:sp>
    </p:spTree>
    <p:extLst>
      <p:ext uri="{BB962C8B-B14F-4D97-AF65-F5344CB8AC3E}">
        <p14:creationId xmlns:p14="http://schemas.microsoft.com/office/powerpoint/2010/main" val="392348580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7FCB2F41-88BF-85BE-1D1B-31749854A52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2ACAF9A4-A751-A8D4-1E2C-271185FC51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800" dirty="0">
                <a:solidFill>
                  <a:schemeClr val="accent6"/>
                </a:solidFill>
              </a:rPr>
              <a:t>That Can’t Be Good: $500</a:t>
            </a:r>
          </a:p>
        </p:txBody>
      </p:sp>
      <p:sp>
        <p:nvSpPr>
          <p:cNvPr id="530" name="Speech Bubble: Oval 529">
            <a:extLst>
              <a:ext uri="{FF2B5EF4-FFF2-40B4-BE49-F238E27FC236}">
                <a16:creationId xmlns:a16="http://schemas.microsoft.com/office/drawing/2014/main" id="{7273574B-3D30-371D-7507-9FAB623E040B}"/>
              </a:ext>
            </a:extLst>
          </p:cNvPr>
          <p:cNvSpPr/>
          <p:nvPr/>
        </p:nvSpPr>
        <p:spPr>
          <a:xfrm>
            <a:off x="7319433" y="1109269"/>
            <a:ext cx="4720167" cy="4351194"/>
          </a:xfrm>
          <a:prstGeom prst="wedgeEllipseCallout">
            <a:avLst>
              <a:gd name="adj1" fmla="val -37687"/>
              <a:gd name="adj2" fmla="val 49783"/>
            </a:avLst>
          </a:prstGeom>
          <a:noFill/>
          <a:ln w="38100">
            <a:solidFill>
              <a:schemeClr val="bg2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pic>
        <p:nvPicPr>
          <p:cNvPr id="531" name="Graphic 530">
            <a:extLst>
              <a:ext uri="{FF2B5EF4-FFF2-40B4-BE49-F238E27FC236}">
                <a16:creationId xmlns:a16="http://schemas.microsoft.com/office/drawing/2014/main" id="{5C673F94-56CD-14A1-C2C7-76D4195DBD7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331166" y="2434832"/>
            <a:ext cx="4323454" cy="4611779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6A9B722C-9020-3680-2570-4048EB915FF4}"/>
              </a:ext>
            </a:extLst>
          </p:cNvPr>
          <p:cNvSpPr txBox="1"/>
          <p:nvPr/>
        </p:nvSpPr>
        <p:spPr>
          <a:xfrm>
            <a:off x="8271933" y="2237754"/>
            <a:ext cx="3048000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3200" dirty="0">
                <a:solidFill>
                  <a:schemeClr val="bg1"/>
                </a:solidFill>
              </a:rPr>
              <a:t> 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149FE55-9255-7503-ED58-3EBACBA7BB3A}"/>
              </a:ext>
            </a:extLst>
          </p:cNvPr>
          <p:cNvSpPr txBox="1"/>
          <p:nvPr/>
        </p:nvSpPr>
        <p:spPr>
          <a:xfrm>
            <a:off x="7989806" y="1983819"/>
            <a:ext cx="3679987" cy="255454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dividuals</a:t>
            </a:r>
            <a:r>
              <a:rPr lang="en-US" sz="3200" dirty="0">
                <a:solidFill>
                  <a:prstClr val="white"/>
                </a:solidFill>
                <a:latin typeface="Arial"/>
              </a:rPr>
              <a:t> now average three years in these higher education rol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38483846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C1BE643F-454A-C18C-25F4-E54D43270DE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807F855-A1AA-3C00-74F6-831131885A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800" dirty="0">
                <a:solidFill>
                  <a:schemeClr val="accent6"/>
                </a:solidFill>
              </a:rPr>
              <a:t>That Can’t Be Good: $1000</a:t>
            </a:r>
          </a:p>
        </p:txBody>
      </p:sp>
      <p:sp>
        <p:nvSpPr>
          <p:cNvPr id="530" name="Speech Bubble: Oval 529">
            <a:extLst>
              <a:ext uri="{FF2B5EF4-FFF2-40B4-BE49-F238E27FC236}">
                <a16:creationId xmlns:a16="http://schemas.microsoft.com/office/drawing/2014/main" id="{64D649F5-84C6-BC04-E7BA-D96ABD3FF8E4}"/>
              </a:ext>
            </a:extLst>
          </p:cNvPr>
          <p:cNvSpPr/>
          <p:nvPr/>
        </p:nvSpPr>
        <p:spPr>
          <a:xfrm>
            <a:off x="7319433" y="1109269"/>
            <a:ext cx="4720167" cy="4587588"/>
          </a:xfrm>
          <a:prstGeom prst="wedgeEllipseCallout">
            <a:avLst>
              <a:gd name="adj1" fmla="val -37687"/>
              <a:gd name="adj2" fmla="val 49783"/>
            </a:avLst>
          </a:prstGeom>
          <a:noFill/>
          <a:ln w="38100">
            <a:solidFill>
              <a:schemeClr val="bg2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pic>
        <p:nvPicPr>
          <p:cNvPr id="531" name="Graphic 530">
            <a:extLst>
              <a:ext uri="{FF2B5EF4-FFF2-40B4-BE49-F238E27FC236}">
                <a16:creationId xmlns:a16="http://schemas.microsoft.com/office/drawing/2014/main" id="{DE923F52-A0CE-2375-F1E9-F87F28805E1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285066" y="2530141"/>
            <a:ext cx="4267200" cy="4587588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EC3F9C7E-E943-3DA0-52E5-2C86ACAAADB6}"/>
              </a:ext>
            </a:extLst>
          </p:cNvPr>
          <p:cNvSpPr txBox="1"/>
          <p:nvPr/>
        </p:nvSpPr>
        <p:spPr>
          <a:xfrm>
            <a:off x="8000999" y="1554163"/>
            <a:ext cx="3357033" cy="403187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200" dirty="0">
                <a:solidFill>
                  <a:schemeClr val="bg1"/>
                </a:solidFill>
              </a:rPr>
              <a:t>The missing leadership behavior that faculty and staff have identified as their top frustration </a:t>
            </a:r>
            <a:r>
              <a:rPr lang="en-US" sz="3200">
                <a:solidFill>
                  <a:schemeClr val="bg1"/>
                </a:solidFill>
              </a:rPr>
              <a:t>this year</a:t>
            </a:r>
            <a:endParaRPr lang="en-US" sz="32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263222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7B45931-5667-B91B-B680-59FF06B1C90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AD64FD5A-72CC-0BAA-5E4E-83CDB029624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48FFBB-FA7E-29DA-A061-EE858D60694B}"/>
              </a:ext>
            </a:extLst>
          </p:cNvPr>
          <p:cNvSpPr txBox="1"/>
          <p:nvPr/>
        </p:nvSpPr>
        <p:spPr>
          <a:xfrm>
            <a:off x="4038600" y="2551837"/>
            <a:ext cx="7543800" cy="1754326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0" b="0" i="0" u="none" strike="noStrike" kern="1200" cap="none" spc="0" normalizeH="0" baseline="0" noProof="0" dirty="0">
                <a:ln>
                  <a:noFill/>
                </a:ln>
                <a:solidFill>
                  <a:srgbClr val="1DCAD3"/>
                </a:solidFill>
                <a:effectLst/>
                <a:uLnTx/>
                <a:uFillTx/>
                <a:latin typeface="Palatino Linotype"/>
                <a:ea typeface="+mn-ea"/>
                <a:cs typeface="+mn-cs"/>
              </a:rPr>
              <a:t>A Few More Words on Disruption</a:t>
            </a: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36F7F8BE-EC58-A630-3F5D-8BEE7067BC6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147CB7BA-EA84-8EBE-3086-173D610B94C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909" y="3351074"/>
            <a:ext cx="4427253" cy="3506926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5C975785-BCC4-C8CB-CCAE-678D0D858E74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6F1B1985-9048-9719-5825-22EF2ECCB1DE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A799DE43-3FA7-4B57-FA0C-3F62E891BEC9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0BCE29DF-CE32-73B6-21D1-EEC5958DA08D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DA608274-1959-0BFF-C5A1-B0D952BA34A9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25E18DAB-91B6-EC65-7FAB-C180A0F9F6BB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F4045822-2DA7-FB2B-79B8-F9859A8E5DA5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3A4B5193-323C-767B-B99A-26FE6BDE580E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9A0DA7C3-75AE-D9A9-B2A3-9D3A63DCCE86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30695242-C54D-F447-D742-B3DB33C92916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26622946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idx="4294967295"/>
          </p:nvPr>
        </p:nvSpPr>
        <p:spPr>
          <a:xfrm>
            <a:off x="381000" y="365125"/>
            <a:ext cx="10134600" cy="1325563"/>
          </a:xfrm>
        </p:spPr>
        <p:txBody>
          <a:bodyPr>
            <a:norm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It’s Been a Volatile 2025</a:t>
            </a:r>
          </a:p>
        </p:txBody>
      </p:sp>
      <p:sp>
        <p:nvSpPr>
          <p:cNvPr id="3" name="Rounded Rectangle 2"/>
          <p:cNvSpPr>
            <a:spLocks/>
          </p:cNvSpPr>
          <p:nvPr/>
        </p:nvSpPr>
        <p:spPr bwMode="invGray">
          <a:xfrm>
            <a:off x="4140036" y="1981200"/>
            <a:ext cx="3934013" cy="3722908"/>
          </a:xfrm>
          <a:prstGeom prst="roundRect">
            <a:avLst>
              <a:gd name="adj" fmla="val 0"/>
            </a:avLst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274320" tIns="365760" rIns="45720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lvl="0">
              <a:lnSpc>
                <a:spcPct val="90000"/>
              </a:lnSpc>
              <a:spcBef>
                <a:spcPts val="1200"/>
              </a:spcBef>
              <a:defRPr/>
            </a:pPr>
            <a:r>
              <a:rPr lang="en-US" sz="2800" dirty="0">
                <a:solidFill>
                  <a:prstClr val="white"/>
                </a:solidFill>
              </a:rPr>
              <a:t>The uncertainty around the frequent policy changes and subsequent legal actions has </a:t>
            </a:r>
            <a:br>
              <a:rPr lang="en-US" sz="2800" dirty="0">
                <a:solidFill>
                  <a:prstClr val="white"/>
                </a:solidFill>
              </a:rPr>
            </a:br>
            <a:r>
              <a:rPr lang="en-US" sz="2800" dirty="0">
                <a:solidFill>
                  <a:prstClr val="white"/>
                </a:solidFill>
              </a:rPr>
              <a:t>increased </a:t>
            </a:r>
            <a:br>
              <a:rPr lang="en-US" sz="2800" dirty="0">
                <a:solidFill>
                  <a:prstClr val="white"/>
                </a:solidFill>
              </a:rPr>
            </a:br>
            <a:r>
              <a:rPr lang="en-US" sz="2800" dirty="0">
                <a:solidFill>
                  <a:prstClr val="white"/>
                </a:solidFill>
              </a:rPr>
              <a:t>volatility </a:t>
            </a:r>
            <a:endParaRPr lang="en-US" sz="2800" b="1" dirty="0">
              <a:solidFill>
                <a:schemeClr val="accent2"/>
              </a:solidFill>
            </a:endParaRPr>
          </a:p>
          <a:p>
            <a:pPr lvl="0">
              <a:lnSpc>
                <a:spcPct val="90000"/>
              </a:lnSpc>
              <a:spcBef>
                <a:spcPts val="1200"/>
              </a:spcBef>
              <a:defRPr/>
            </a:pPr>
            <a:endParaRPr lang="en-US" sz="3000" dirty="0">
              <a:solidFill>
                <a:prstClr val="white"/>
              </a:solidFill>
            </a:endParaRPr>
          </a:p>
        </p:txBody>
      </p:sp>
      <p:sp>
        <p:nvSpPr>
          <p:cNvPr id="4" name="Rounded Rectangle 3"/>
          <p:cNvSpPr>
            <a:spLocks/>
          </p:cNvSpPr>
          <p:nvPr/>
        </p:nvSpPr>
        <p:spPr bwMode="invGray">
          <a:xfrm>
            <a:off x="8277606" y="1981200"/>
            <a:ext cx="3914394" cy="3722908"/>
          </a:xfrm>
          <a:prstGeom prst="roundRect">
            <a:avLst>
              <a:gd name="adj" fmla="val 0"/>
            </a:avLst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274320" tIns="365760" rIns="45720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lvl="0">
              <a:lnSpc>
                <a:spcPct val="90000"/>
              </a:lnSpc>
              <a:spcBef>
                <a:spcPts val="1200"/>
              </a:spcBef>
              <a:defRPr/>
            </a:pPr>
            <a:r>
              <a:rPr lang="en-US" sz="2800" dirty="0">
                <a:solidFill>
                  <a:prstClr val="white"/>
                </a:solidFill>
              </a:rPr>
              <a:t>Higher education leaders are challenged </a:t>
            </a:r>
            <a:br>
              <a:rPr lang="en-US" sz="2800" dirty="0">
                <a:solidFill>
                  <a:prstClr val="white"/>
                </a:solidFill>
              </a:rPr>
            </a:br>
            <a:r>
              <a:rPr lang="en-US" sz="2800" dirty="0">
                <a:solidFill>
                  <a:prstClr val="white"/>
                </a:solidFill>
              </a:rPr>
              <a:t>to navigate constantly   evolving rules </a:t>
            </a:r>
            <a:br>
              <a:rPr lang="en-US" sz="2800" dirty="0">
                <a:solidFill>
                  <a:prstClr val="white"/>
                </a:solidFill>
              </a:rPr>
            </a:br>
            <a:r>
              <a:rPr lang="en-US" sz="2800" dirty="0">
                <a:solidFill>
                  <a:prstClr val="white"/>
                </a:solidFill>
              </a:rPr>
              <a:t>of the game</a:t>
            </a:r>
          </a:p>
        </p:txBody>
      </p:sp>
      <p:sp>
        <p:nvSpPr>
          <p:cNvPr id="5" name="Isosceles Triangle 4"/>
          <p:cNvSpPr>
            <a:spLocks/>
          </p:cNvSpPr>
          <p:nvPr/>
        </p:nvSpPr>
        <p:spPr bwMode="white">
          <a:xfrm>
            <a:off x="6309006" y="3067661"/>
            <a:ext cx="1765043" cy="2645525"/>
          </a:xfrm>
          <a:prstGeom prst="triangle">
            <a:avLst>
              <a:gd name="adj" fmla="val 100000"/>
            </a:avLst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35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Isosceles Triangle 5"/>
          <p:cNvSpPr>
            <a:spLocks/>
          </p:cNvSpPr>
          <p:nvPr/>
        </p:nvSpPr>
        <p:spPr bwMode="white">
          <a:xfrm>
            <a:off x="10426957" y="3058583"/>
            <a:ext cx="1765043" cy="2645525"/>
          </a:xfrm>
          <a:prstGeom prst="triangle">
            <a:avLst>
              <a:gd name="adj" fmla="val 100000"/>
            </a:avLst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35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Rounded Rectangle 6"/>
          <p:cNvSpPr>
            <a:spLocks/>
          </p:cNvSpPr>
          <p:nvPr/>
        </p:nvSpPr>
        <p:spPr bwMode="invGray">
          <a:xfrm>
            <a:off x="0" y="1981200"/>
            <a:ext cx="3907651" cy="3722908"/>
          </a:xfrm>
          <a:prstGeom prst="roundRect">
            <a:avLst>
              <a:gd name="adj" fmla="val 0"/>
            </a:avLst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274320" tIns="365760" rIns="45720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lvl="0">
              <a:lnSpc>
                <a:spcPct val="90000"/>
              </a:lnSpc>
              <a:spcBef>
                <a:spcPts val="1200"/>
              </a:spcBef>
              <a:defRPr/>
            </a:pPr>
            <a:r>
              <a:rPr lang="en-US" sz="2800" dirty="0">
                <a:solidFill>
                  <a:prstClr val="white"/>
                </a:solidFill>
              </a:rPr>
              <a:t>Since January, President Trump has issued numerous executive orders, memoranda and proclamations</a:t>
            </a:r>
            <a:endParaRPr lang="en-US" sz="2800" b="1" dirty="0">
              <a:solidFill>
                <a:schemeClr val="accent2"/>
              </a:solidFill>
            </a:endParaRPr>
          </a:p>
        </p:txBody>
      </p:sp>
      <p:sp>
        <p:nvSpPr>
          <p:cNvPr id="8" name="Isosceles Triangle 7"/>
          <p:cNvSpPr>
            <a:spLocks/>
          </p:cNvSpPr>
          <p:nvPr/>
        </p:nvSpPr>
        <p:spPr bwMode="white">
          <a:xfrm>
            <a:off x="2139149" y="3058583"/>
            <a:ext cx="1765043" cy="2645525"/>
          </a:xfrm>
          <a:prstGeom prst="triangle">
            <a:avLst>
              <a:gd name="adj" fmla="val 100000"/>
            </a:avLst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35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797BA2DA-B160-7487-64B9-095350E6CF11}"/>
              </a:ext>
            </a:extLst>
          </p:cNvPr>
          <p:cNvGrpSpPr>
            <a:grpSpLocks noChangeAspect="1"/>
          </p:cNvGrpSpPr>
          <p:nvPr/>
        </p:nvGrpSpPr>
        <p:grpSpPr bwMode="gray">
          <a:xfrm>
            <a:off x="2998949" y="4787006"/>
            <a:ext cx="752585" cy="685800"/>
            <a:chOff x="3770313" y="2667001"/>
            <a:chExt cx="1663701" cy="1516062"/>
          </a:xfrm>
        </p:grpSpPr>
        <p:sp>
          <p:nvSpPr>
            <p:cNvPr id="13" name="Freeform 5">
              <a:extLst>
                <a:ext uri="{FF2B5EF4-FFF2-40B4-BE49-F238E27FC236}">
                  <a16:creationId xmlns:a16="http://schemas.microsoft.com/office/drawing/2014/main" id="{F4AF8516-A0D6-597D-BDEE-625761355F6D}"/>
                </a:ext>
              </a:extLst>
            </p:cNvPr>
            <p:cNvSpPr>
              <a:spLocks/>
            </p:cNvSpPr>
            <p:nvPr/>
          </p:nvSpPr>
          <p:spPr bwMode="gray">
            <a:xfrm>
              <a:off x="4189413" y="2894013"/>
              <a:ext cx="325438" cy="325438"/>
            </a:xfrm>
            <a:custGeom>
              <a:avLst/>
              <a:gdLst>
                <a:gd name="T0" fmla="*/ 277 w 277"/>
                <a:gd name="T1" fmla="*/ 0 h 277"/>
                <a:gd name="T2" fmla="*/ 0 w 277"/>
                <a:gd name="T3" fmla="*/ 277 h 2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277" h="277">
                  <a:moveTo>
                    <a:pt x="277" y="0"/>
                  </a:moveTo>
                  <a:cubicBezTo>
                    <a:pt x="254" y="142"/>
                    <a:pt x="142" y="254"/>
                    <a:pt x="0" y="277"/>
                  </a:cubicBezTo>
                </a:path>
              </a:pathLst>
            </a:custGeom>
            <a:noFill/>
            <a:ln w="28575" cap="rnd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4" name="Freeform 6">
              <a:extLst>
                <a:ext uri="{FF2B5EF4-FFF2-40B4-BE49-F238E27FC236}">
                  <a16:creationId xmlns:a16="http://schemas.microsoft.com/office/drawing/2014/main" id="{6F86B92F-10CA-53AB-D0E7-02483EDEAEA3}"/>
                </a:ext>
              </a:extLst>
            </p:cNvPr>
            <p:cNvSpPr>
              <a:spLocks/>
            </p:cNvSpPr>
            <p:nvPr/>
          </p:nvSpPr>
          <p:spPr bwMode="gray">
            <a:xfrm>
              <a:off x="4529138" y="3244851"/>
              <a:ext cx="323850" cy="322263"/>
            </a:xfrm>
            <a:custGeom>
              <a:avLst/>
              <a:gdLst>
                <a:gd name="T0" fmla="*/ 0 w 275"/>
                <a:gd name="T1" fmla="*/ 275 h 275"/>
                <a:gd name="T2" fmla="*/ 275 w 275"/>
                <a:gd name="T3" fmla="*/ 0 h 27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275" h="275">
                  <a:moveTo>
                    <a:pt x="0" y="275"/>
                  </a:moveTo>
                  <a:cubicBezTo>
                    <a:pt x="24" y="134"/>
                    <a:pt x="135" y="24"/>
                    <a:pt x="275" y="0"/>
                  </a:cubicBezTo>
                </a:path>
              </a:pathLst>
            </a:custGeom>
            <a:noFill/>
            <a:ln w="28575" cap="rnd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5" name="Freeform 7">
              <a:extLst>
                <a:ext uri="{FF2B5EF4-FFF2-40B4-BE49-F238E27FC236}">
                  <a16:creationId xmlns:a16="http://schemas.microsoft.com/office/drawing/2014/main" id="{CD87ED6C-A15B-059F-D7B3-CA0E2CE20FEE}"/>
                </a:ext>
              </a:extLst>
            </p:cNvPr>
            <p:cNvSpPr>
              <a:spLocks/>
            </p:cNvSpPr>
            <p:nvPr/>
          </p:nvSpPr>
          <p:spPr bwMode="gray">
            <a:xfrm>
              <a:off x="3960813" y="3205163"/>
              <a:ext cx="587375" cy="585788"/>
            </a:xfrm>
            <a:custGeom>
              <a:avLst/>
              <a:gdLst>
                <a:gd name="T0" fmla="*/ 472 w 499"/>
                <a:gd name="T1" fmla="*/ 301 h 499"/>
                <a:gd name="T2" fmla="*/ 198 w 499"/>
                <a:gd name="T3" fmla="*/ 27 h 499"/>
                <a:gd name="T4" fmla="*/ 99 w 499"/>
                <a:gd name="T5" fmla="*/ 27 h 499"/>
                <a:gd name="T6" fmla="*/ 27 w 499"/>
                <a:gd name="T7" fmla="*/ 99 h 499"/>
                <a:gd name="T8" fmla="*/ 27 w 499"/>
                <a:gd name="T9" fmla="*/ 198 h 499"/>
                <a:gd name="T10" fmla="*/ 301 w 499"/>
                <a:gd name="T11" fmla="*/ 472 h 499"/>
                <a:gd name="T12" fmla="*/ 400 w 499"/>
                <a:gd name="T13" fmla="*/ 472 h 499"/>
                <a:gd name="T14" fmla="*/ 472 w 499"/>
                <a:gd name="T15" fmla="*/ 400 h 499"/>
                <a:gd name="T16" fmla="*/ 472 w 499"/>
                <a:gd name="T17" fmla="*/ 301 h 49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499" h="499">
                  <a:moveTo>
                    <a:pt x="472" y="301"/>
                  </a:moveTo>
                  <a:cubicBezTo>
                    <a:pt x="198" y="27"/>
                    <a:pt x="198" y="27"/>
                    <a:pt x="198" y="27"/>
                  </a:cubicBezTo>
                  <a:cubicBezTo>
                    <a:pt x="171" y="0"/>
                    <a:pt x="126" y="0"/>
                    <a:pt x="99" y="27"/>
                  </a:cubicBezTo>
                  <a:cubicBezTo>
                    <a:pt x="27" y="99"/>
                    <a:pt x="27" y="99"/>
                    <a:pt x="27" y="99"/>
                  </a:cubicBezTo>
                  <a:cubicBezTo>
                    <a:pt x="0" y="126"/>
                    <a:pt x="0" y="171"/>
                    <a:pt x="27" y="198"/>
                  </a:cubicBezTo>
                  <a:cubicBezTo>
                    <a:pt x="301" y="472"/>
                    <a:pt x="301" y="472"/>
                    <a:pt x="301" y="472"/>
                  </a:cubicBezTo>
                  <a:cubicBezTo>
                    <a:pt x="328" y="499"/>
                    <a:pt x="373" y="499"/>
                    <a:pt x="400" y="472"/>
                  </a:cubicBezTo>
                  <a:cubicBezTo>
                    <a:pt x="472" y="400"/>
                    <a:pt x="472" y="400"/>
                    <a:pt x="472" y="400"/>
                  </a:cubicBezTo>
                  <a:cubicBezTo>
                    <a:pt x="499" y="373"/>
                    <a:pt x="499" y="328"/>
                    <a:pt x="472" y="301"/>
                  </a:cubicBezTo>
                  <a:close/>
                </a:path>
              </a:pathLst>
            </a:custGeom>
            <a:noFill/>
            <a:ln w="28575" cap="rnd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6" name="Freeform 8">
              <a:extLst>
                <a:ext uri="{FF2B5EF4-FFF2-40B4-BE49-F238E27FC236}">
                  <a16:creationId xmlns:a16="http://schemas.microsoft.com/office/drawing/2014/main" id="{6CD23C49-128D-0E88-A14E-CA2250EF14BD}"/>
                </a:ext>
              </a:extLst>
            </p:cNvPr>
            <p:cNvSpPr>
              <a:spLocks/>
            </p:cNvSpPr>
            <p:nvPr/>
          </p:nvSpPr>
          <p:spPr bwMode="gray">
            <a:xfrm>
              <a:off x="4500563" y="2667001"/>
              <a:ext cx="587375" cy="585788"/>
            </a:xfrm>
            <a:custGeom>
              <a:avLst/>
              <a:gdLst>
                <a:gd name="T0" fmla="*/ 472 w 499"/>
                <a:gd name="T1" fmla="*/ 301 h 499"/>
                <a:gd name="T2" fmla="*/ 198 w 499"/>
                <a:gd name="T3" fmla="*/ 27 h 499"/>
                <a:gd name="T4" fmla="*/ 99 w 499"/>
                <a:gd name="T5" fmla="*/ 27 h 499"/>
                <a:gd name="T6" fmla="*/ 27 w 499"/>
                <a:gd name="T7" fmla="*/ 99 h 499"/>
                <a:gd name="T8" fmla="*/ 27 w 499"/>
                <a:gd name="T9" fmla="*/ 198 h 499"/>
                <a:gd name="T10" fmla="*/ 301 w 499"/>
                <a:gd name="T11" fmla="*/ 472 h 499"/>
                <a:gd name="T12" fmla="*/ 400 w 499"/>
                <a:gd name="T13" fmla="*/ 472 h 499"/>
                <a:gd name="T14" fmla="*/ 472 w 499"/>
                <a:gd name="T15" fmla="*/ 400 h 499"/>
                <a:gd name="T16" fmla="*/ 472 w 499"/>
                <a:gd name="T17" fmla="*/ 301 h 49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499" h="499">
                  <a:moveTo>
                    <a:pt x="472" y="301"/>
                  </a:moveTo>
                  <a:cubicBezTo>
                    <a:pt x="198" y="27"/>
                    <a:pt x="198" y="27"/>
                    <a:pt x="198" y="27"/>
                  </a:cubicBezTo>
                  <a:cubicBezTo>
                    <a:pt x="171" y="0"/>
                    <a:pt x="126" y="0"/>
                    <a:pt x="99" y="27"/>
                  </a:cubicBezTo>
                  <a:cubicBezTo>
                    <a:pt x="27" y="99"/>
                    <a:pt x="27" y="99"/>
                    <a:pt x="27" y="99"/>
                  </a:cubicBezTo>
                  <a:cubicBezTo>
                    <a:pt x="0" y="126"/>
                    <a:pt x="0" y="171"/>
                    <a:pt x="27" y="198"/>
                  </a:cubicBezTo>
                  <a:cubicBezTo>
                    <a:pt x="301" y="472"/>
                    <a:pt x="301" y="472"/>
                    <a:pt x="301" y="472"/>
                  </a:cubicBezTo>
                  <a:cubicBezTo>
                    <a:pt x="328" y="499"/>
                    <a:pt x="373" y="499"/>
                    <a:pt x="400" y="472"/>
                  </a:cubicBezTo>
                  <a:cubicBezTo>
                    <a:pt x="472" y="400"/>
                    <a:pt x="472" y="400"/>
                    <a:pt x="472" y="400"/>
                  </a:cubicBezTo>
                  <a:cubicBezTo>
                    <a:pt x="499" y="373"/>
                    <a:pt x="499" y="328"/>
                    <a:pt x="472" y="301"/>
                  </a:cubicBezTo>
                  <a:close/>
                </a:path>
              </a:pathLst>
            </a:custGeom>
            <a:noFill/>
            <a:ln w="28575" cap="rnd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7" name="Freeform 9">
              <a:extLst>
                <a:ext uri="{FF2B5EF4-FFF2-40B4-BE49-F238E27FC236}">
                  <a16:creationId xmlns:a16="http://schemas.microsoft.com/office/drawing/2014/main" id="{55E12DB1-DDB7-E9CA-DD8F-6D5CBAA02CD6}"/>
                </a:ext>
              </a:extLst>
            </p:cNvPr>
            <p:cNvSpPr>
              <a:spLocks/>
            </p:cNvSpPr>
            <p:nvPr/>
          </p:nvSpPr>
          <p:spPr bwMode="gray">
            <a:xfrm>
              <a:off x="4606926" y="3313113"/>
              <a:ext cx="827088" cy="827088"/>
            </a:xfrm>
            <a:custGeom>
              <a:avLst/>
              <a:gdLst>
                <a:gd name="T0" fmla="*/ 0 w 702"/>
                <a:gd name="T1" fmla="*/ 111 h 705"/>
                <a:gd name="T2" fmla="*/ 496 w 702"/>
                <a:gd name="T3" fmla="*/ 632 h 705"/>
                <a:gd name="T4" fmla="*/ 629 w 702"/>
                <a:gd name="T5" fmla="*/ 492 h 705"/>
                <a:gd name="T6" fmla="*/ 112 w 702"/>
                <a:gd name="T7" fmla="*/ 0 h 70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02" h="705">
                  <a:moveTo>
                    <a:pt x="0" y="111"/>
                  </a:moveTo>
                  <a:cubicBezTo>
                    <a:pt x="496" y="632"/>
                    <a:pt x="496" y="632"/>
                    <a:pt x="496" y="632"/>
                  </a:cubicBezTo>
                  <a:cubicBezTo>
                    <a:pt x="565" y="705"/>
                    <a:pt x="702" y="562"/>
                    <a:pt x="629" y="492"/>
                  </a:cubicBezTo>
                  <a:cubicBezTo>
                    <a:pt x="112" y="0"/>
                    <a:pt x="112" y="0"/>
                    <a:pt x="112" y="0"/>
                  </a:cubicBezTo>
                </a:path>
              </a:pathLst>
            </a:custGeom>
            <a:noFill/>
            <a:ln w="28575" cap="rnd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8" name="Line 10">
              <a:extLst>
                <a:ext uri="{FF2B5EF4-FFF2-40B4-BE49-F238E27FC236}">
                  <a16:creationId xmlns:a16="http://schemas.microsoft.com/office/drawing/2014/main" id="{0EC13DC2-8AF3-6F74-1D8A-C407459A6F9A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862388" y="4017963"/>
              <a:ext cx="801688" cy="0"/>
            </a:xfrm>
            <a:prstGeom prst="line">
              <a:avLst/>
            </a:prstGeom>
            <a:noFill/>
            <a:ln w="28575" cap="rnd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9" name="Line 11">
              <a:extLst>
                <a:ext uri="{FF2B5EF4-FFF2-40B4-BE49-F238E27FC236}">
                  <a16:creationId xmlns:a16="http://schemas.microsoft.com/office/drawing/2014/main" id="{09BAE111-F52D-1542-F3D5-976BFA9D8EDA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770313" y="4183063"/>
              <a:ext cx="1011238" cy="0"/>
            </a:xfrm>
            <a:prstGeom prst="line">
              <a:avLst/>
            </a:prstGeom>
            <a:noFill/>
            <a:ln w="28575" cap="rnd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sp>
        <p:nvSpPr>
          <p:cNvPr id="20" name="Freeform 5">
            <a:extLst>
              <a:ext uri="{FF2B5EF4-FFF2-40B4-BE49-F238E27FC236}">
                <a16:creationId xmlns:a16="http://schemas.microsoft.com/office/drawing/2014/main" id="{D0D1DBB4-7DCC-684B-2707-D94DE212AA1B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207645" y="4849340"/>
            <a:ext cx="704124" cy="692881"/>
          </a:xfrm>
          <a:custGeom>
            <a:avLst/>
            <a:gdLst>
              <a:gd name="T0" fmla="*/ 440 w 1351"/>
              <a:gd name="T1" fmla="*/ 0 h 1332"/>
              <a:gd name="T2" fmla="*/ 0 w 1351"/>
              <a:gd name="T3" fmla="*/ 413 h 1332"/>
              <a:gd name="T4" fmla="*/ 440 w 1351"/>
              <a:gd name="T5" fmla="*/ 826 h 1332"/>
              <a:gd name="T6" fmla="*/ 578 w 1351"/>
              <a:gd name="T7" fmla="*/ 805 h 1332"/>
              <a:gd name="T8" fmla="*/ 744 w 1351"/>
              <a:gd name="T9" fmla="*/ 919 h 1332"/>
              <a:gd name="T10" fmla="*/ 745 w 1351"/>
              <a:gd name="T11" fmla="*/ 710 h 1332"/>
              <a:gd name="T12" fmla="*/ 879 w 1351"/>
              <a:gd name="T13" fmla="*/ 413 h 1332"/>
              <a:gd name="T14" fmla="*/ 440 w 1351"/>
              <a:gd name="T15" fmla="*/ 0 h 1332"/>
              <a:gd name="T16" fmla="*/ 363 w 1351"/>
              <a:gd name="T17" fmla="*/ 277 h 1332"/>
              <a:gd name="T18" fmla="*/ 543 w 1351"/>
              <a:gd name="T19" fmla="*/ 304 h 1332"/>
              <a:gd name="T20" fmla="*/ 441 w 1351"/>
              <a:gd name="T21" fmla="*/ 478 h 1332"/>
              <a:gd name="T22" fmla="*/ 441 w 1351"/>
              <a:gd name="T23" fmla="*/ 594 h 1332"/>
              <a:gd name="T24" fmla="*/ 440 w 1351"/>
              <a:gd name="T25" fmla="*/ 608 h 1332"/>
              <a:gd name="T26" fmla="*/ 976 w 1351"/>
              <a:gd name="T27" fmla="*/ 647 h 1332"/>
              <a:gd name="T28" fmla="*/ 947 w 1351"/>
              <a:gd name="T29" fmla="*/ 909 h 1332"/>
              <a:gd name="T30" fmla="*/ 939 w 1351"/>
              <a:gd name="T31" fmla="*/ 1026 h 1332"/>
              <a:gd name="T32" fmla="*/ 938 w 1351"/>
              <a:gd name="T33" fmla="*/ 1039 h 1332"/>
              <a:gd name="T34" fmla="*/ 607 w 1351"/>
              <a:gd name="T35" fmla="*/ 1332 h 1332"/>
              <a:gd name="T36" fmla="*/ 607 w 1351"/>
              <a:gd name="T37" fmla="*/ 1122 h 1332"/>
              <a:gd name="T38" fmla="*/ 472 w 1351"/>
              <a:gd name="T39" fmla="*/ 825 h 1332"/>
              <a:gd name="T40" fmla="*/ 912 w 1351"/>
              <a:gd name="T41" fmla="*/ 412 h 1332"/>
              <a:gd name="T42" fmla="*/ 1351 w 1351"/>
              <a:gd name="T43" fmla="*/ 825 h 1332"/>
              <a:gd name="T44" fmla="*/ 912 w 1351"/>
              <a:gd name="T45" fmla="*/ 1238 h 1332"/>
              <a:gd name="T46" fmla="*/ 773 w 1351"/>
              <a:gd name="T47" fmla="*/ 1217 h 1332"/>
              <a:gd name="T48" fmla="*/ 607 w 1351"/>
              <a:gd name="T49" fmla="*/ 1332 h 133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351" h="1332">
                <a:moveTo>
                  <a:pt x="440" y="0"/>
                </a:moveTo>
                <a:cubicBezTo>
                  <a:pt x="197" y="0"/>
                  <a:pt x="0" y="185"/>
                  <a:pt x="0" y="413"/>
                </a:cubicBezTo>
                <a:cubicBezTo>
                  <a:pt x="0" y="641"/>
                  <a:pt x="197" y="826"/>
                  <a:pt x="440" y="826"/>
                </a:cubicBezTo>
                <a:cubicBezTo>
                  <a:pt x="488" y="826"/>
                  <a:pt x="535" y="819"/>
                  <a:pt x="578" y="805"/>
                </a:cubicBezTo>
                <a:cubicBezTo>
                  <a:pt x="628" y="854"/>
                  <a:pt x="655" y="871"/>
                  <a:pt x="744" y="919"/>
                </a:cubicBezTo>
                <a:cubicBezTo>
                  <a:pt x="745" y="710"/>
                  <a:pt x="745" y="710"/>
                  <a:pt x="745" y="710"/>
                </a:cubicBezTo>
                <a:cubicBezTo>
                  <a:pt x="828" y="635"/>
                  <a:pt x="879" y="529"/>
                  <a:pt x="879" y="413"/>
                </a:cubicBezTo>
                <a:cubicBezTo>
                  <a:pt x="879" y="185"/>
                  <a:pt x="682" y="0"/>
                  <a:pt x="440" y="0"/>
                </a:cubicBezTo>
                <a:close/>
                <a:moveTo>
                  <a:pt x="363" y="277"/>
                </a:moveTo>
                <a:cubicBezTo>
                  <a:pt x="411" y="191"/>
                  <a:pt x="543" y="185"/>
                  <a:pt x="543" y="304"/>
                </a:cubicBezTo>
                <a:cubicBezTo>
                  <a:pt x="543" y="385"/>
                  <a:pt x="441" y="380"/>
                  <a:pt x="441" y="478"/>
                </a:cubicBezTo>
                <a:moveTo>
                  <a:pt x="441" y="594"/>
                </a:moveTo>
                <a:cubicBezTo>
                  <a:pt x="441" y="598"/>
                  <a:pt x="440" y="603"/>
                  <a:pt x="440" y="608"/>
                </a:cubicBezTo>
                <a:moveTo>
                  <a:pt x="976" y="647"/>
                </a:moveTo>
                <a:cubicBezTo>
                  <a:pt x="947" y="909"/>
                  <a:pt x="947" y="909"/>
                  <a:pt x="947" y="909"/>
                </a:cubicBezTo>
                <a:moveTo>
                  <a:pt x="939" y="1026"/>
                </a:moveTo>
                <a:cubicBezTo>
                  <a:pt x="939" y="1030"/>
                  <a:pt x="938" y="1034"/>
                  <a:pt x="938" y="1039"/>
                </a:cubicBezTo>
                <a:moveTo>
                  <a:pt x="607" y="1332"/>
                </a:moveTo>
                <a:cubicBezTo>
                  <a:pt x="607" y="1122"/>
                  <a:pt x="607" y="1122"/>
                  <a:pt x="607" y="1122"/>
                </a:cubicBezTo>
                <a:cubicBezTo>
                  <a:pt x="524" y="1047"/>
                  <a:pt x="472" y="942"/>
                  <a:pt x="472" y="825"/>
                </a:cubicBezTo>
                <a:moveTo>
                  <a:pt x="912" y="412"/>
                </a:moveTo>
                <a:cubicBezTo>
                  <a:pt x="1155" y="412"/>
                  <a:pt x="1351" y="597"/>
                  <a:pt x="1351" y="825"/>
                </a:cubicBezTo>
                <a:cubicBezTo>
                  <a:pt x="1351" y="1053"/>
                  <a:pt x="1155" y="1238"/>
                  <a:pt x="912" y="1238"/>
                </a:cubicBezTo>
                <a:cubicBezTo>
                  <a:pt x="863" y="1238"/>
                  <a:pt x="817" y="1231"/>
                  <a:pt x="773" y="1217"/>
                </a:cubicBezTo>
                <a:cubicBezTo>
                  <a:pt x="724" y="1266"/>
                  <a:pt x="697" y="1284"/>
                  <a:pt x="607" y="1332"/>
                </a:cubicBezTo>
              </a:path>
            </a:pathLst>
          </a:custGeom>
          <a:noFill/>
          <a:ln w="28575" cap="rnd">
            <a:solidFill>
              <a:srgbClr val="F0F0F0"/>
            </a:solidFill>
            <a:prstDash val="solid"/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4306A30C-270F-DA6F-0DF7-C60D3C00E46C}"/>
              </a:ext>
            </a:extLst>
          </p:cNvPr>
          <p:cNvGrpSpPr/>
          <p:nvPr/>
        </p:nvGrpSpPr>
        <p:grpSpPr>
          <a:xfrm>
            <a:off x="11265895" y="4902642"/>
            <a:ext cx="722548" cy="607875"/>
            <a:chOff x="5408613" y="2995613"/>
            <a:chExt cx="1030288" cy="866775"/>
          </a:xfrm>
        </p:grpSpPr>
        <p:sp>
          <p:nvSpPr>
            <p:cNvPr id="22" name="Line 5">
              <a:extLst>
                <a:ext uri="{FF2B5EF4-FFF2-40B4-BE49-F238E27FC236}">
                  <a16:creationId xmlns:a16="http://schemas.microsoft.com/office/drawing/2014/main" id="{68F777C3-781B-D66C-8B86-88D1E8D15AD6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6170613" y="3686175"/>
              <a:ext cx="0" cy="0"/>
            </a:xfrm>
            <a:prstGeom prst="line">
              <a:avLst/>
            </a:pr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3" name="Freeform 6">
              <a:extLst>
                <a:ext uri="{FF2B5EF4-FFF2-40B4-BE49-F238E27FC236}">
                  <a16:creationId xmlns:a16="http://schemas.microsoft.com/office/drawing/2014/main" id="{BD365D62-D9CB-E0ED-DE9D-CD811B0F007B}"/>
                </a:ext>
              </a:extLst>
            </p:cNvPr>
            <p:cNvSpPr>
              <a:spLocks/>
            </p:cNvSpPr>
            <p:nvPr/>
          </p:nvSpPr>
          <p:spPr bwMode="auto">
            <a:xfrm>
              <a:off x="5408613" y="3159125"/>
              <a:ext cx="1030288" cy="280988"/>
            </a:xfrm>
            <a:custGeom>
              <a:avLst/>
              <a:gdLst>
                <a:gd name="T0" fmla="*/ 176 w 176"/>
                <a:gd name="T1" fmla="*/ 32 h 48"/>
                <a:gd name="T2" fmla="*/ 160 w 176"/>
                <a:gd name="T3" fmla="*/ 48 h 48"/>
                <a:gd name="T4" fmla="*/ 16 w 176"/>
                <a:gd name="T5" fmla="*/ 48 h 48"/>
                <a:gd name="T6" fmla="*/ 0 w 176"/>
                <a:gd name="T7" fmla="*/ 32 h 48"/>
                <a:gd name="T8" fmla="*/ 0 w 176"/>
                <a:gd name="T9" fmla="*/ 8 h 48"/>
                <a:gd name="T10" fmla="*/ 8 w 176"/>
                <a:gd name="T11" fmla="*/ 0 h 48"/>
                <a:gd name="T12" fmla="*/ 168 w 176"/>
                <a:gd name="T13" fmla="*/ 0 h 48"/>
                <a:gd name="T14" fmla="*/ 176 w 176"/>
                <a:gd name="T15" fmla="*/ 8 h 48"/>
                <a:gd name="T16" fmla="*/ 176 w 176"/>
                <a:gd name="T17" fmla="*/ 32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76" h="48">
                  <a:moveTo>
                    <a:pt x="176" y="32"/>
                  </a:moveTo>
                  <a:cubicBezTo>
                    <a:pt x="176" y="41"/>
                    <a:pt x="169" y="48"/>
                    <a:pt x="160" y="48"/>
                  </a:cubicBezTo>
                  <a:cubicBezTo>
                    <a:pt x="16" y="48"/>
                    <a:pt x="16" y="48"/>
                    <a:pt x="16" y="48"/>
                  </a:cubicBezTo>
                  <a:cubicBezTo>
                    <a:pt x="7" y="48"/>
                    <a:pt x="0" y="41"/>
                    <a:pt x="0" y="32"/>
                  </a:cubicBezTo>
                  <a:cubicBezTo>
                    <a:pt x="0" y="8"/>
                    <a:pt x="0" y="8"/>
                    <a:pt x="0" y="8"/>
                  </a:cubicBezTo>
                  <a:cubicBezTo>
                    <a:pt x="0" y="4"/>
                    <a:pt x="4" y="0"/>
                    <a:pt x="8" y="0"/>
                  </a:cubicBezTo>
                  <a:cubicBezTo>
                    <a:pt x="168" y="0"/>
                    <a:pt x="168" y="0"/>
                    <a:pt x="168" y="0"/>
                  </a:cubicBezTo>
                  <a:cubicBezTo>
                    <a:pt x="172" y="0"/>
                    <a:pt x="176" y="4"/>
                    <a:pt x="176" y="8"/>
                  </a:cubicBezTo>
                  <a:lnTo>
                    <a:pt x="176" y="32"/>
                  </a:lnTo>
                  <a:close/>
                </a:path>
              </a:pathLst>
            </a:cu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4" name="Freeform 7">
              <a:extLst>
                <a:ext uri="{FF2B5EF4-FFF2-40B4-BE49-F238E27FC236}">
                  <a16:creationId xmlns:a16="http://schemas.microsoft.com/office/drawing/2014/main" id="{8A9A3618-9887-ECA7-F6D3-E85412DF7A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454650" y="3487738"/>
              <a:ext cx="938213" cy="374650"/>
            </a:xfrm>
            <a:custGeom>
              <a:avLst/>
              <a:gdLst>
                <a:gd name="T0" fmla="*/ 160 w 160"/>
                <a:gd name="T1" fmla="*/ 64 h 64"/>
                <a:gd name="T2" fmla="*/ 8 w 160"/>
                <a:gd name="T3" fmla="*/ 64 h 64"/>
                <a:gd name="T4" fmla="*/ 0 w 160"/>
                <a:gd name="T5" fmla="*/ 56 h 64"/>
                <a:gd name="T6" fmla="*/ 0 w 160"/>
                <a:gd name="T7" fmla="*/ 0 h 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60" h="64">
                  <a:moveTo>
                    <a:pt x="160" y="64"/>
                  </a:moveTo>
                  <a:cubicBezTo>
                    <a:pt x="8" y="64"/>
                    <a:pt x="8" y="64"/>
                    <a:pt x="8" y="64"/>
                  </a:cubicBezTo>
                  <a:cubicBezTo>
                    <a:pt x="4" y="64"/>
                    <a:pt x="0" y="60"/>
                    <a:pt x="0" y="56"/>
                  </a:cubicBezTo>
                  <a:cubicBezTo>
                    <a:pt x="0" y="0"/>
                    <a:pt x="0" y="0"/>
                    <a:pt x="0" y="0"/>
                  </a:cubicBezTo>
                </a:path>
              </a:pathLst>
            </a:cu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5" name="Line 8">
              <a:extLst>
                <a:ext uri="{FF2B5EF4-FFF2-40B4-BE49-F238E27FC236}">
                  <a16:creationId xmlns:a16="http://schemas.microsoft.com/office/drawing/2014/main" id="{712ACFED-C48C-054A-D344-F83B0E7770B7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6392863" y="3851275"/>
              <a:ext cx="0" cy="0"/>
            </a:xfrm>
            <a:prstGeom prst="line">
              <a:avLst/>
            </a:pr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6" name="Line 9">
              <a:extLst>
                <a:ext uri="{FF2B5EF4-FFF2-40B4-BE49-F238E27FC236}">
                  <a16:creationId xmlns:a16="http://schemas.microsoft.com/office/drawing/2014/main" id="{80637ADF-9EE9-9D52-A9BE-257102A54934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6392863" y="3429000"/>
              <a:ext cx="0" cy="0"/>
            </a:xfrm>
            <a:prstGeom prst="line">
              <a:avLst/>
            </a:pr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7" name="Freeform 10">
              <a:extLst>
                <a:ext uri="{FF2B5EF4-FFF2-40B4-BE49-F238E27FC236}">
                  <a16:creationId xmlns:a16="http://schemas.microsoft.com/office/drawing/2014/main" id="{0E060008-B426-6ADD-2CEF-8D9DC43DB2CB}"/>
                </a:ext>
              </a:extLst>
            </p:cNvPr>
            <p:cNvSpPr>
              <a:spLocks/>
            </p:cNvSpPr>
            <p:nvPr/>
          </p:nvSpPr>
          <p:spPr bwMode="auto">
            <a:xfrm>
              <a:off x="5807075" y="3346450"/>
              <a:ext cx="233363" cy="93663"/>
            </a:xfrm>
            <a:custGeom>
              <a:avLst/>
              <a:gdLst>
                <a:gd name="T0" fmla="*/ 147 w 147"/>
                <a:gd name="T1" fmla="*/ 59 h 59"/>
                <a:gd name="T2" fmla="*/ 147 w 147"/>
                <a:gd name="T3" fmla="*/ 0 h 59"/>
                <a:gd name="T4" fmla="*/ 0 w 147"/>
                <a:gd name="T5" fmla="*/ 0 h 59"/>
                <a:gd name="T6" fmla="*/ 0 w 147"/>
                <a:gd name="T7" fmla="*/ 59 h 5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47" h="59">
                  <a:moveTo>
                    <a:pt x="147" y="59"/>
                  </a:moveTo>
                  <a:lnTo>
                    <a:pt x="147" y="0"/>
                  </a:lnTo>
                  <a:lnTo>
                    <a:pt x="0" y="0"/>
                  </a:lnTo>
                  <a:lnTo>
                    <a:pt x="0" y="59"/>
                  </a:lnTo>
                </a:path>
              </a:pathLst>
            </a:cu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8" name="Freeform 11">
              <a:extLst>
                <a:ext uri="{FF2B5EF4-FFF2-40B4-BE49-F238E27FC236}">
                  <a16:creationId xmlns:a16="http://schemas.microsoft.com/office/drawing/2014/main" id="{FD38A1DA-6366-58BC-7C01-8E5AE85B62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830888" y="3440113"/>
              <a:ext cx="187325" cy="141288"/>
            </a:xfrm>
            <a:custGeom>
              <a:avLst/>
              <a:gdLst>
                <a:gd name="T0" fmla="*/ 0 w 32"/>
                <a:gd name="T1" fmla="*/ 0 h 24"/>
                <a:gd name="T2" fmla="*/ 0 w 32"/>
                <a:gd name="T3" fmla="*/ 16 h 24"/>
                <a:gd name="T4" fmla="*/ 8 w 32"/>
                <a:gd name="T5" fmla="*/ 24 h 24"/>
                <a:gd name="T6" fmla="*/ 24 w 32"/>
                <a:gd name="T7" fmla="*/ 24 h 24"/>
                <a:gd name="T8" fmla="*/ 32 w 32"/>
                <a:gd name="T9" fmla="*/ 16 h 24"/>
                <a:gd name="T10" fmla="*/ 32 w 32"/>
                <a:gd name="T11" fmla="*/ 0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" h="24">
                  <a:moveTo>
                    <a:pt x="0" y="0"/>
                  </a:moveTo>
                  <a:cubicBezTo>
                    <a:pt x="0" y="16"/>
                    <a:pt x="0" y="16"/>
                    <a:pt x="0" y="16"/>
                  </a:cubicBezTo>
                  <a:cubicBezTo>
                    <a:pt x="0" y="20"/>
                    <a:pt x="4" y="24"/>
                    <a:pt x="8" y="24"/>
                  </a:cubicBezTo>
                  <a:cubicBezTo>
                    <a:pt x="24" y="24"/>
                    <a:pt x="24" y="24"/>
                    <a:pt x="24" y="24"/>
                  </a:cubicBezTo>
                  <a:cubicBezTo>
                    <a:pt x="28" y="24"/>
                    <a:pt x="32" y="20"/>
                    <a:pt x="32" y="16"/>
                  </a:cubicBezTo>
                  <a:cubicBezTo>
                    <a:pt x="32" y="0"/>
                    <a:pt x="32" y="0"/>
                    <a:pt x="32" y="0"/>
                  </a:cubicBezTo>
                </a:path>
              </a:pathLst>
            </a:cu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9" name="Line 12">
              <a:extLst>
                <a:ext uri="{FF2B5EF4-FFF2-40B4-BE49-F238E27FC236}">
                  <a16:creationId xmlns:a16="http://schemas.microsoft.com/office/drawing/2014/main" id="{CE4EA11F-F2FE-BE39-876C-C6F20C578849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5900738" y="3511550"/>
              <a:ext cx="46038" cy="0"/>
            </a:xfrm>
            <a:prstGeom prst="line">
              <a:avLst/>
            </a:pr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0" name="Freeform 13">
              <a:extLst>
                <a:ext uri="{FF2B5EF4-FFF2-40B4-BE49-F238E27FC236}">
                  <a16:creationId xmlns:a16="http://schemas.microsoft.com/office/drawing/2014/main" id="{60BA15F3-3B50-AF1C-864D-5864928E173B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9600" y="2995613"/>
              <a:ext cx="468313" cy="163513"/>
            </a:xfrm>
            <a:custGeom>
              <a:avLst/>
              <a:gdLst>
                <a:gd name="T0" fmla="*/ 0 w 80"/>
                <a:gd name="T1" fmla="*/ 28 h 28"/>
                <a:gd name="T2" fmla="*/ 0 w 80"/>
                <a:gd name="T3" fmla="*/ 8 h 28"/>
                <a:gd name="T4" fmla="*/ 8 w 80"/>
                <a:gd name="T5" fmla="*/ 0 h 28"/>
                <a:gd name="T6" fmla="*/ 72 w 80"/>
                <a:gd name="T7" fmla="*/ 0 h 28"/>
                <a:gd name="T8" fmla="*/ 80 w 80"/>
                <a:gd name="T9" fmla="*/ 8 h 28"/>
                <a:gd name="T10" fmla="*/ 80 w 80"/>
                <a:gd name="T11" fmla="*/ 28 h 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80" h="28">
                  <a:moveTo>
                    <a:pt x="0" y="28"/>
                  </a:moveTo>
                  <a:cubicBezTo>
                    <a:pt x="0" y="8"/>
                    <a:pt x="0" y="8"/>
                    <a:pt x="0" y="8"/>
                  </a:cubicBezTo>
                  <a:cubicBezTo>
                    <a:pt x="0" y="4"/>
                    <a:pt x="4" y="0"/>
                    <a:pt x="8" y="0"/>
                  </a:cubicBezTo>
                  <a:cubicBezTo>
                    <a:pt x="72" y="0"/>
                    <a:pt x="72" y="0"/>
                    <a:pt x="72" y="0"/>
                  </a:cubicBezTo>
                  <a:cubicBezTo>
                    <a:pt x="76" y="0"/>
                    <a:pt x="80" y="4"/>
                    <a:pt x="80" y="8"/>
                  </a:cubicBezTo>
                  <a:cubicBezTo>
                    <a:pt x="80" y="28"/>
                    <a:pt x="80" y="28"/>
                    <a:pt x="80" y="28"/>
                  </a:cubicBezTo>
                </a:path>
              </a:pathLst>
            </a:cu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1" name="Freeform 14">
              <a:extLst>
                <a:ext uri="{FF2B5EF4-FFF2-40B4-BE49-F238E27FC236}">
                  <a16:creationId xmlns:a16="http://schemas.microsoft.com/office/drawing/2014/main" id="{70DF6B4C-5E25-3C20-CC77-6617B96BE488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7625" y="3481388"/>
              <a:ext cx="30163" cy="376238"/>
            </a:xfrm>
            <a:custGeom>
              <a:avLst/>
              <a:gdLst>
                <a:gd name="T0" fmla="*/ 0 w 5"/>
                <a:gd name="T1" fmla="*/ 64 h 64"/>
                <a:gd name="T2" fmla="*/ 5 w 5"/>
                <a:gd name="T3" fmla="*/ 56 h 64"/>
                <a:gd name="T4" fmla="*/ 5 w 5"/>
                <a:gd name="T5" fmla="*/ 0 h 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" h="64">
                  <a:moveTo>
                    <a:pt x="0" y="64"/>
                  </a:moveTo>
                  <a:cubicBezTo>
                    <a:pt x="3" y="64"/>
                    <a:pt x="5" y="61"/>
                    <a:pt x="5" y="56"/>
                  </a:cubicBezTo>
                  <a:cubicBezTo>
                    <a:pt x="5" y="0"/>
                    <a:pt x="5" y="0"/>
                    <a:pt x="5" y="0"/>
                  </a:cubicBezTo>
                </a:path>
              </a:pathLst>
            </a:custGeom>
            <a:noFill/>
            <a:ln w="28575" cap="flat">
              <a:solidFill>
                <a:srgbClr val="F0F0F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1020107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213D8EA-5ED7-024D-EED8-D03FE42A1AC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DF71EED-4F4E-4236-5194-5C1B921B18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AF09A94-75B0-35DB-EE2D-7A315A8FB6AC}"/>
              </a:ext>
            </a:extLst>
          </p:cNvPr>
          <p:cNvSpPr txBox="1"/>
          <p:nvPr/>
        </p:nvSpPr>
        <p:spPr>
          <a:xfrm>
            <a:off x="4038600" y="2967335"/>
            <a:ext cx="7543800" cy="923330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0" b="0" i="0" u="none" strike="noStrike" kern="1200" cap="none" spc="0" normalizeH="0" baseline="0" noProof="0" dirty="0">
                <a:ln>
                  <a:noFill/>
                </a:ln>
                <a:solidFill>
                  <a:schemeClr val="accent3"/>
                </a:solidFill>
                <a:effectLst/>
                <a:uLnTx/>
                <a:uFillTx/>
                <a:latin typeface="Palatino Linotype"/>
                <a:ea typeface="+mn-ea"/>
                <a:cs typeface="+mn-cs"/>
              </a:rPr>
              <a:t>Poll Question Three</a:t>
            </a: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08846C1F-4CF6-96FE-3EE9-4BDCBD6192A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37F58B76-C71B-FD21-8A97-D1A79463DB99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7585" y="4643423"/>
            <a:ext cx="2839495" cy="2249227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871C3206-2EF2-4CCA-7545-E08EEE6E2F4D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D2147F06-EFDD-8F66-1B5B-4E8718240165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B4184BB1-A7C8-1F8C-6608-6AF24CA5184E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DFCAB4E5-44C5-275D-1B86-0C3147FBC04C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79A87CD8-5507-F612-07F7-63252B2F9439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EAD464CD-8E53-072D-64C9-6C3BAB3ECCD8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A93E706B-DA14-4BFD-A3EA-94C85B858334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68AAA5E8-633F-3217-D380-8BBEF4424B5F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7E8D0623-ECEF-14A6-3FD0-C7A0A943E7CA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D5EAB735-6CC6-13A6-649E-B4778E58C724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6167533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/>
          <p:cNvSpPr>
            <a:spLocks noGrp="1"/>
          </p:cNvSpPr>
          <p:nvPr>
            <p:ph type="body" sz="quarter" idx="10"/>
          </p:nvPr>
        </p:nvSpPr>
        <p:spPr bwMode="invGray"/>
        <p:txBody>
          <a:bodyPr/>
          <a:lstStyle/>
          <a:p>
            <a:r>
              <a:rPr lang="en-US" dirty="0"/>
              <a:t>Naming The Disruptions</a:t>
            </a:r>
          </a:p>
          <a:p>
            <a:r>
              <a:rPr lang="en-US" dirty="0"/>
              <a:t>The Uncertainty Response</a:t>
            </a:r>
          </a:p>
          <a:p>
            <a:r>
              <a:rPr lang="en-US" dirty="0"/>
              <a:t>The Adaptability Imperativ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C2C71EF-689F-F563-0B02-FFBC1AE8BCF2}"/>
              </a:ext>
            </a:extLst>
          </p:cNvPr>
          <p:cNvSpPr>
            <a:spLocks noGrp="1"/>
          </p:cNvSpPr>
          <p:nvPr>
            <p:ph type="title" idx="4294967295"/>
          </p:nvPr>
        </p:nvSpPr>
        <p:spPr bwMode="invGray">
          <a:xfrm>
            <a:off x="1066800" y="685800"/>
            <a:ext cx="9982200" cy="762000"/>
          </a:xfrm>
          <a:prstGeom prst="rect">
            <a:avLst/>
          </a:prstGeom>
          <a:noFill/>
          <a:ln>
            <a:noFill/>
            <a:prstDash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31788" marR="0" lvl="0" indent="-331788" algn="l" defTabSz="914400" rtl="0" eaLnBrk="1" fontAlgn="auto" latinLnBrk="0" hangingPunct="1">
              <a:lnSpc>
                <a:spcPct val="90000"/>
              </a:lnSpc>
              <a:spcBef>
                <a:spcPts val="2400"/>
              </a:spcBef>
              <a:spcAft>
                <a:spcPts val="0"/>
              </a:spcAft>
              <a:buClr>
                <a:schemeClr val="accent2"/>
              </a:buClr>
              <a:buSzTx/>
              <a:buFont typeface="Arial" panose="020B0604020202020204" pitchFamily="34" charset="0"/>
              <a:buChar char="│"/>
              <a:tabLst/>
              <a:defRPr/>
            </a:pPr>
            <a:r>
              <a:rPr kumimoji="0" lang="en-US" sz="54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Agenda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0644768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0A8F44E-5F05-AABB-30D0-081DB4C5342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4A69EE-BA1A-94AD-4428-992BA76C3F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verage Executive Orders by Year</a:t>
            </a:r>
          </a:p>
        </p:txBody>
      </p:sp>
      <p:graphicFrame>
        <p:nvGraphicFramePr>
          <p:cNvPr id="6" name="Chart 5">
            <a:extLst>
              <a:ext uri="{FF2B5EF4-FFF2-40B4-BE49-F238E27FC236}">
                <a16:creationId xmlns:a16="http://schemas.microsoft.com/office/drawing/2014/main" id="{44E31285-7BF1-30F4-5351-817DED2E89E4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157773782"/>
              </p:ext>
            </p:extLst>
          </p:nvPr>
        </p:nvGraphicFramePr>
        <p:xfrm>
          <a:off x="914400" y="1371600"/>
          <a:ext cx="10439400" cy="502919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295299959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089C3B-8304-53A2-B8CA-9DE7281E28A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27B5C096-C1C0-28F0-4EF4-BF709E7720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094A2DD-5820-48FF-25DF-713763B8AA04}"/>
              </a:ext>
            </a:extLst>
          </p:cNvPr>
          <p:cNvSpPr txBox="1"/>
          <p:nvPr/>
        </p:nvSpPr>
        <p:spPr>
          <a:xfrm>
            <a:off x="4038600" y="2967335"/>
            <a:ext cx="7543800" cy="923330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0" b="0" i="0" u="none" strike="noStrike" kern="1200" cap="none" spc="0" normalizeH="0" baseline="0" noProof="0" dirty="0">
                <a:ln>
                  <a:noFill/>
                </a:ln>
                <a:solidFill>
                  <a:schemeClr val="accent3"/>
                </a:solidFill>
                <a:effectLst/>
                <a:uLnTx/>
                <a:uFillTx/>
                <a:latin typeface="Palatino Linotype"/>
                <a:ea typeface="+mn-ea"/>
                <a:cs typeface="+mn-cs"/>
              </a:rPr>
              <a:t>Poll Question Four</a:t>
            </a: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12A0EBE2-2611-C7EA-3D67-8FBB7DBE624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8F268B89-4AD3-ABD1-0757-3FF371564758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7585" y="4643423"/>
            <a:ext cx="2839495" cy="2249227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CFAA7F6A-3B8D-34E8-BA44-409FC0209292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280A91A1-8307-307E-2229-C27ABF332892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E30F306B-8ABC-F4A5-380F-B422CB288927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E5751FEB-B9A8-18A1-472A-51D0D0FE68BC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DAC1EB13-B6C5-8524-7610-CE2677096F72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06285A4D-B878-CCCC-61FD-7ADB14843CA1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B38924AD-9A98-C73D-F4D9-099C656BB963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5226831C-DB67-8976-A57C-50457D0AA01D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8B0804AD-B2EE-8B2E-FEF2-29C30367457F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D5199E7C-C27A-2B83-65E7-C6B44EECCABB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47084838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DC1606C-3E8D-B369-3CF8-E40A1CD553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62AAD85-9303-2E86-C08B-65592ACDAC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/>
              <a:t> 217 Executive Orders in 2025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11D2DD1D-C987-7736-5B15-0ECBD4599748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985573886"/>
              </p:ext>
            </p:extLst>
          </p:nvPr>
        </p:nvGraphicFramePr>
        <p:xfrm>
          <a:off x="533400" y="1219200"/>
          <a:ext cx="11430000" cy="500069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BCFFBAF2-3E5C-92A8-58A8-5CE987ED1F28}"/>
              </a:ext>
            </a:extLst>
          </p:cNvPr>
          <p:cNvSpPr txBox="1"/>
          <p:nvPr/>
        </p:nvSpPr>
        <p:spPr>
          <a:xfrm>
            <a:off x="8839200" y="1524000"/>
            <a:ext cx="3352800" cy="646331"/>
          </a:xfrm>
          <a:prstGeom prst="rect">
            <a:avLst/>
          </a:prstGeom>
          <a:solidFill>
            <a:schemeClr val="accent1"/>
          </a:solidFill>
        </p:spPr>
        <p:txBody>
          <a:bodyPr wrap="square" rtlCol="0">
            <a:sp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Note: Some executive orders </a:t>
            </a:r>
            <a:br>
              <a:rPr lang="en-US" sz="2000" dirty="0">
                <a:solidFill>
                  <a:schemeClr val="bg1"/>
                </a:solidFill>
              </a:rPr>
            </a:br>
            <a:r>
              <a:rPr lang="en-US" dirty="0">
                <a:solidFill>
                  <a:schemeClr val="bg1"/>
                </a:solidFill>
              </a:rPr>
              <a:t>cover more than one topic</a:t>
            </a:r>
            <a:endParaRPr lang="en-US" sz="2000" dirty="0">
              <a:solidFill>
                <a:schemeClr val="bg1"/>
              </a:solidFill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154B228-790D-33E9-9DDB-0202A71B06F4}"/>
              </a:ext>
            </a:extLst>
          </p:cNvPr>
          <p:cNvSpPr>
            <a:spLocks noChangeArrowheads="1"/>
          </p:cNvSpPr>
          <p:nvPr/>
        </p:nvSpPr>
        <p:spPr bwMode="auto">
          <a:xfrm>
            <a:off x="152400" y="6553200"/>
            <a:ext cx="8829675" cy="25904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25400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lIns="90488" tIns="44451" rIns="90488" bIns="44451" anchor="b" anchorCtr="0">
            <a:spAutoFit/>
          </a:bodyPr>
          <a:lstStyle/>
          <a:p>
            <a:pPr marL="111123" indent="-111123" eaLnBrk="0" hangingPunct="0">
              <a:spcBef>
                <a:spcPct val="10000"/>
              </a:spcBef>
            </a:pPr>
            <a:r>
              <a:rPr lang="en-US" sz="1100" dirty="0"/>
              <a:t>Source: Ballotpedia</a:t>
            </a:r>
          </a:p>
        </p:txBody>
      </p:sp>
    </p:spTree>
    <p:extLst>
      <p:ext uri="{BB962C8B-B14F-4D97-AF65-F5344CB8AC3E}">
        <p14:creationId xmlns:p14="http://schemas.microsoft.com/office/powerpoint/2010/main" val="727751224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17CD225-A51F-6EA1-042E-6CA694EF88AD}"/>
              </a:ext>
            </a:extLst>
          </p:cNvPr>
          <p:cNvSpPr/>
          <p:nvPr/>
        </p:nvSpPr>
        <p:spPr>
          <a:xfrm>
            <a:off x="10058400" y="6303971"/>
            <a:ext cx="2133600" cy="47782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6" name="Title 1">
            <a:extLst>
              <a:ext uri="{FF2B5EF4-FFF2-40B4-BE49-F238E27FC236}">
                <a16:creationId xmlns:a16="http://schemas.microsoft.com/office/drawing/2014/main" id="{D3839E52-97AC-BAF5-F9D7-491CB2DE508D}"/>
              </a:ext>
            </a:extLst>
          </p:cNvPr>
          <p:cNvSpPr txBox="1">
            <a:spLocks/>
          </p:cNvSpPr>
          <p:nvPr/>
        </p:nvSpPr>
        <p:spPr bwMode="gray">
          <a:xfrm>
            <a:off x="762000" y="304800"/>
            <a:ext cx="11811000" cy="1325563"/>
          </a:xfrm>
          <a:prstGeom prst="rect">
            <a:avLst/>
          </a:prstGeom>
        </p:spPr>
        <p:txBody>
          <a:bodyPr vert="horz" lIns="91440" tIns="45720" rIns="91440" bIns="4572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400" b="0" i="0" u="none" strike="noStrike" kern="1200" cap="none" spc="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ea typeface="+mj-ea"/>
                <a:cs typeface="+mj-cs"/>
              </a:rPr>
              <a:t>Areas of High Education Impact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77843FD7-D627-659D-F3EB-AD306AF145B2}"/>
              </a:ext>
            </a:extLst>
          </p:cNvPr>
          <p:cNvSpPr>
            <a:spLocks/>
          </p:cNvSpPr>
          <p:nvPr/>
        </p:nvSpPr>
        <p:spPr>
          <a:xfrm>
            <a:off x="1040989" y="2345723"/>
            <a:ext cx="4846845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search Funding </a:t>
            </a: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778F5175-2909-899E-153F-7661A895474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14013" y="2345723"/>
            <a:ext cx="900196" cy="900196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9" name="Rectangle 38">
            <a:extLst>
              <a:ext uri="{FF2B5EF4-FFF2-40B4-BE49-F238E27FC236}">
                <a16:creationId xmlns:a16="http://schemas.microsoft.com/office/drawing/2014/main" id="{5CCEAFCB-275F-7062-F1A1-20BD07E535B4}"/>
              </a:ext>
            </a:extLst>
          </p:cNvPr>
          <p:cNvSpPr>
            <a:spLocks/>
          </p:cNvSpPr>
          <p:nvPr/>
        </p:nvSpPr>
        <p:spPr>
          <a:xfrm>
            <a:off x="1069416" y="3537838"/>
            <a:ext cx="4800600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rnational Students </a:t>
            </a:r>
            <a:b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</a:b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nd Research</a:t>
            </a: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C12246D8-E14A-994C-EC67-0E9D2B934BE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14013" y="3537838"/>
            <a:ext cx="900196" cy="900196"/>
          </a:xfrm>
          <a:prstGeom prst="ellipse">
            <a:avLst/>
          </a:prstGeom>
          <a:solidFill>
            <a:schemeClr val="bg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4133A8AA-8EE3-DDBB-96DF-DD6A9C617DD6}"/>
              </a:ext>
            </a:extLst>
          </p:cNvPr>
          <p:cNvSpPr>
            <a:spLocks/>
          </p:cNvSpPr>
          <p:nvPr/>
        </p:nvSpPr>
        <p:spPr>
          <a:xfrm>
            <a:off x="1087236" y="4630961"/>
            <a:ext cx="4800598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epartment of Education Status</a:t>
            </a:r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id="{4B6F7AFD-FD26-CEB4-C790-852FD9C10DF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14013" y="4630961"/>
            <a:ext cx="900196" cy="900196"/>
          </a:xfrm>
          <a:prstGeom prst="ellipse">
            <a:avLst/>
          </a:prstGeom>
          <a:solidFill>
            <a:schemeClr val="tx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4BE21CCD-170C-7258-1FD6-3C61A1FF7694}"/>
              </a:ext>
            </a:extLst>
          </p:cNvPr>
          <p:cNvSpPr>
            <a:spLocks/>
          </p:cNvSpPr>
          <p:nvPr/>
        </p:nvSpPr>
        <p:spPr>
          <a:xfrm>
            <a:off x="1087234" y="5724084"/>
            <a:ext cx="4786743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Undocumented Students </a:t>
            </a:r>
            <a:b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</a:b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nd Employees</a:t>
            </a: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DD6CA87D-6654-7567-67E9-881C77ED734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14013" y="5724084"/>
            <a:ext cx="900196" cy="900196"/>
          </a:xfrm>
          <a:prstGeom prst="ellipse">
            <a:avLst/>
          </a:prstGeom>
          <a:solidFill>
            <a:schemeClr val="tx2">
              <a:lumMod val="60000"/>
              <a:lumOff val="4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5" name="Freeform 1743">
            <a:extLst>
              <a:ext uri="{FF2B5EF4-FFF2-40B4-BE49-F238E27FC236}">
                <a16:creationId xmlns:a16="http://schemas.microsoft.com/office/drawing/2014/main" id="{BF5D31A6-149F-D348-5E06-77ECC9E64B1F}"/>
              </a:ext>
            </a:extLst>
          </p:cNvPr>
          <p:cNvSpPr>
            <a:spLocks/>
          </p:cNvSpPr>
          <p:nvPr/>
        </p:nvSpPr>
        <p:spPr bwMode="auto">
          <a:xfrm>
            <a:off x="798631" y="2589967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46" name="Freeform 1743">
            <a:extLst>
              <a:ext uri="{FF2B5EF4-FFF2-40B4-BE49-F238E27FC236}">
                <a16:creationId xmlns:a16="http://schemas.microsoft.com/office/drawing/2014/main" id="{9A55D017-2EAF-3470-F339-6B552E489BEB}"/>
              </a:ext>
            </a:extLst>
          </p:cNvPr>
          <p:cNvSpPr>
            <a:spLocks/>
          </p:cNvSpPr>
          <p:nvPr/>
        </p:nvSpPr>
        <p:spPr bwMode="auto">
          <a:xfrm>
            <a:off x="798631" y="3782082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47" name="Freeform 1743">
            <a:extLst>
              <a:ext uri="{FF2B5EF4-FFF2-40B4-BE49-F238E27FC236}">
                <a16:creationId xmlns:a16="http://schemas.microsoft.com/office/drawing/2014/main" id="{8F3F86FF-56B3-B076-E57F-ECD53E61A7D9}"/>
              </a:ext>
            </a:extLst>
          </p:cNvPr>
          <p:cNvSpPr>
            <a:spLocks/>
          </p:cNvSpPr>
          <p:nvPr/>
        </p:nvSpPr>
        <p:spPr bwMode="auto">
          <a:xfrm>
            <a:off x="798631" y="4875205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48" name="Freeform 1743">
            <a:extLst>
              <a:ext uri="{FF2B5EF4-FFF2-40B4-BE49-F238E27FC236}">
                <a16:creationId xmlns:a16="http://schemas.microsoft.com/office/drawing/2014/main" id="{761F91B8-A777-7F00-BF92-2E09BE0BB691}"/>
              </a:ext>
            </a:extLst>
          </p:cNvPr>
          <p:cNvSpPr>
            <a:spLocks/>
          </p:cNvSpPr>
          <p:nvPr/>
        </p:nvSpPr>
        <p:spPr bwMode="auto">
          <a:xfrm>
            <a:off x="798631" y="5956534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49" name="Rectangle 48">
            <a:extLst>
              <a:ext uri="{FF2B5EF4-FFF2-40B4-BE49-F238E27FC236}">
                <a16:creationId xmlns:a16="http://schemas.microsoft.com/office/drawing/2014/main" id="{894803EF-884B-049F-19F2-6B633C52CE05}"/>
              </a:ext>
            </a:extLst>
          </p:cNvPr>
          <p:cNvSpPr>
            <a:spLocks/>
          </p:cNvSpPr>
          <p:nvPr/>
        </p:nvSpPr>
        <p:spPr>
          <a:xfrm>
            <a:off x="6869418" y="2372629"/>
            <a:ext cx="4846845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ederal Financial Aid</a:t>
            </a:r>
          </a:p>
        </p:txBody>
      </p:sp>
      <p:sp>
        <p:nvSpPr>
          <p:cNvPr id="50" name="Oval 49">
            <a:extLst>
              <a:ext uri="{FF2B5EF4-FFF2-40B4-BE49-F238E27FC236}">
                <a16:creationId xmlns:a16="http://schemas.microsoft.com/office/drawing/2014/main" id="{F35F8C45-BD8D-CEAA-03A1-8AD45EF9E12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482882" y="2372629"/>
            <a:ext cx="900196" cy="900196"/>
          </a:xfrm>
          <a:prstGeom prst="ellipse">
            <a:avLst/>
          </a:prstGeom>
          <a:solidFill>
            <a:schemeClr val="accent3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1" name="Freeform 1743">
            <a:extLst>
              <a:ext uri="{FF2B5EF4-FFF2-40B4-BE49-F238E27FC236}">
                <a16:creationId xmlns:a16="http://schemas.microsoft.com/office/drawing/2014/main" id="{7A9B207D-0796-C3BE-5409-A3C1BEB2412B}"/>
              </a:ext>
            </a:extLst>
          </p:cNvPr>
          <p:cNvSpPr>
            <a:spLocks/>
          </p:cNvSpPr>
          <p:nvPr/>
        </p:nvSpPr>
        <p:spPr bwMode="auto">
          <a:xfrm>
            <a:off x="6667500" y="2616873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52" name="Rectangle 51">
            <a:extLst>
              <a:ext uri="{FF2B5EF4-FFF2-40B4-BE49-F238E27FC236}">
                <a16:creationId xmlns:a16="http://schemas.microsoft.com/office/drawing/2014/main" id="{D0D275E1-261F-AB77-F15C-499EF26851C9}"/>
              </a:ext>
            </a:extLst>
          </p:cNvPr>
          <p:cNvSpPr>
            <a:spLocks/>
          </p:cNvSpPr>
          <p:nvPr/>
        </p:nvSpPr>
        <p:spPr>
          <a:xfrm>
            <a:off x="6950299" y="3517069"/>
            <a:ext cx="4800600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ccreditation</a:t>
            </a:r>
          </a:p>
        </p:txBody>
      </p:sp>
      <p:sp>
        <p:nvSpPr>
          <p:cNvPr id="53" name="Oval 52">
            <a:extLst>
              <a:ext uri="{FF2B5EF4-FFF2-40B4-BE49-F238E27FC236}">
                <a16:creationId xmlns:a16="http://schemas.microsoft.com/office/drawing/2014/main" id="{222F0DE8-73F7-F2AF-503F-9341D694F9C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482882" y="3517069"/>
            <a:ext cx="900196" cy="900196"/>
          </a:xfrm>
          <a:prstGeom prst="ellipse">
            <a:avLst/>
          </a:prstGeom>
          <a:solidFill>
            <a:schemeClr val="accent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4" name="Freeform 1743">
            <a:extLst>
              <a:ext uri="{FF2B5EF4-FFF2-40B4-BE49-F238E27FC236}">
                <a16:creationId xmlns:a16="http://schemas.microsoft.com/office/drawing/2014/main" id="{112577E0-A947-D2DF-B701-54384861640B}"/>
              </a:ext>
            </a:extLst>
          </p:cNvPr>
          <p:cNvSpPr>
            <a:spLocks/>
          </p:cNvSpPr>
          <p:nvPr/>
        </p:nvSpPr>
        <p:spPr bwMode="auto">
          <a:xfrm>
            <a:off x="6667500" y="3761313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7535120A-C253-FEE4-9123-0B95C7D12A99}"/>
              </a:ext>
            </a:extLst>
          </p:cNvPr>
          <p:cNvSpPr>
            <a:spLocks/>
          </p:cNvSpPr>
          <p:nvPr/>
        </p:nvSpPr>
        <p:spPr>
          <a:xfrm>
            <a:off x="6929520" y="4626126"/>
            <a:ext cx="4800598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stricting Institutional Autonomy</a:t>
            </a:r>
          </a:p>
        </p:txBody>
      </p:sp>
      <p:sp>
        <p:nvSpPr>
          <p:cNvPr id="56" name="Oval 55">
            <a:extLst>
              <a:ext uri="{FF2B5EF4-FFF2-40B4-BE49-F238E27FC236}">
                <a16:creationId xmlns:a16="http://schemas.microsoft.com/office/drawing/2014/main" id="{B6FEA551-BEE3-58CC-FB40-5EB5391C719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482882" y="4626126"/>
            <a:ext cx="900196" cy="900196"/>
          </a:xfrm>
          <a:prstGeom prst="ellipse">
            <a:avLst/>
          </a:prstGeom>
          <a:solidFill>
            <a:schemeClr val="accent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7" name="Freeform 1743">
            <a:extLst>
              <a:ext uri="{FF2B5EF4-FFF2-40B4-BE49-F238E27FC236}">
                <a16:creationId xmlns:a16="http://schemas.microsoft.com/office/drawing/2014/main" id="{A351E82B-12C7-90DE-29BC-45DFA23B1604}"/>
              </a:ext>
            </a:extLst>
          </p:cNvPr>
          <p:cNvSpPr>
            <a:spLocks/>
          </p:cNvSpPr>
          <p:nvPr/>
        </p:nvSpPr>
        <p:spPr bwMode="auto">
          <a:xfrm>
            <a:off x="6667500" y="4870370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58" name="Rectangle 57">
            <a:extLst>
              <a:ext uri="{FF2B5EF4-FFF2-40B4-BE49-F238E27FC236}">
                <a16:creationId xmlns:a16="http://schemas.microsoft.com/office/drawing/2014/main" id="{D3DAB057-61FC-31C3-2DF2-B7A1E3AB26B6}"/>
              </a:ext>
            </a:extLst>
          </p:cNvPr>
          <p:cNvSpPr>
            <a:spLocks/>
          </p:cNvSpPr>
          <p:nvPr/>
        </p:nvSpPr>
        <p:spPr>
          <a:xfrm>
            <a:off x="6880176" y="5706285"/>
            <a:ext cx="4786743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versity, Equity and Inclusion</a:t>
            </a:r>
            <a:endParaRPr kumimoji="0" lang="en-US" sz="20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9" name="Oval 58">
            <a:extLst>
              <a:ext uri="{FF2B5EF4-FFF2-40B4-BE49-F238E27FC236}">
                <a16:creationId xmlns:a16="http://schemas.microsoft.com/office/drawing/2014/main" id="{F4F4B120-48E1-F941-C3CB-62A4D68DD34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482882" y="5706285"/>
            <a:ext cx="900196" cy="900196"/>
          </a:xfrm>
          <a:prstGeom prst="ellipse">
            <a:avLst/>
          </a:prstGeom>
          <a:solidFill>
            <a:schemeClr val="accent4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0" name="Freeform 1743">
            <a:extLst>
              <a:ext uri="{FF2B5EF4-FFF2-40B4-BE49-F238E27FC236}">
                <a16:creationId xmlns:a16="http://schemas.microsoft.com/office/drawing/2014/main" id="{72440285-EC28-6F2C-57A3-F8F50E822B4C}"/>
              </a:ext>
            </a:extLst>
          </p:cNvPr>
          <p:cNvSpPr>
            <a:spLocks/>
          </p:cNvSpPr>
          <p:nvPr/>
        </p:nvSpPr>
        <p:spPr bwMode="auto">
          <a:xfrm>
            <a:off x="6667500" y="5950529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61" name="Rectangle 60">
            <a:extLst>
              <a:ext uri="{FF2B5EF4-FFF2-40B4-BE49-F238E27FC236}">
                <a16:creationId xmlns:a16="http://schemas.microsoft.com/office/drawing/2014/main" id="{A3435BA1-CB24-0C8A-0A2A-67E5A0AF3B9D}"/>
              </a:ext>
            </a:extLst>
          </p:cNvPr>
          <p:cNvSpPr>
            <a:spLocks/>
          </p:cNvSpPr>
          <p:nvPr/>
        </p:nvSpPr>
        <p:spPr>
          <a:xfrm>
            <a:off x="1040989" y="1197713"/>
            <a:ext cx="4786743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orkforce and Skills-Based Training</a:t>
            </a:r>
          </a:p>
        </p:txBody>
      </p:sp>
      <p:sp>
        <p:nvSpPr>
          <p:cNvPr id="62" name="Oval 61">
            <a:extLst>
              <a:ext uri="{FF2B5EF4-FFF2-40B4-BE49-F238E27FC236}">
                <a16:creationId xmlns:a16="http://schemas.microsoft.com/office/drawing/2014/main" id="{D050D371-87CE-D865-3802-D70F656E43C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14013" y="1197713"/>
            <a:ext cx="900196" cy="900196"/>
          </a:xfrm>
          <a:prstGeom prst="ellipse">
            <a:avLst/>
          </a:prstGeom>
          <a:solidFill>
            <a:schemeClr val="accent5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3" name="Freeform 1743">
            <a:extLst>
              <a:ext uri="{FF2B5EF4-FFF2-40B4-BE49-F238E27FC236}">
                <a16:creationId xmlns:a16="http://schemas.microsoft.com/office/drawing/2014/main" id="{01512B10-95BE-B8AE-5C3A-10CE3E6F6F4F}"/>
              </a:ext>
            </a:extLst>
          </p:cNvPr>
          <p:cNvSpPr>
            <a:spLocks/>
          </p:cNvSpPr>
          <p:nvPr/>
        </p:nvSpPr>
        <p:spPr bwMode="auto">
          <a:xfrm>
            <a:off x="798631" y="1441957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D1AF3B3E-927C-4E4A-92CD-4B505D9E70B3}"/>
              </a:ext>
            </a:extLst>
          </p:cNvPr>
          <p:cNvSpPr>
            <a:spLocks/>
          </p:cNvSpPr>
          <p:nvPr/>
        </p:nvSpPr>
        <p:spPr>
          <a:xfrm>
            <a:off x="6929520" y="1237699"/>
            <a:ext cx="4786743" cy="900196"/>
          </a:xfrm>
          <a:prstGeom prst="rect">
            <a:avLst/>
          </a:prstGeom>
          <a:solidFill>
            <a:sysClr val="window" lastClr="FFFFFF">
              <a:lumMod val="95000"/>
            </a:sys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73152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itle IX </a:t>
            </a:r>
            <a:endParaRPr kumimoji="0" lang="en-US" sz="20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5" name="Oval 64">
            <a:extLst>
              <a:ext uri="{FF2B5EF4-FFF2-40B4-BE49-F238E27FC236}">
                <a16:creationId xmlns:a16="http://schemas.microsoft.com/office/drawing/2014/main" id="{981BB91E-3207-AA41-21CA-0AF4EADD8B1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>
          <a:xfrm>
            <a:off x="6482882" y="1202316"/>
            <a:ext cx="900196" cy="900196"/>
          </a:xfrm>
          <a:prstGeom prst="ellipse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6" name="Freeform 1743">
            <a:extLst>
              <a:ext uri="{FF2B5EF4-FFF2-40B4-BE49-F238E27FC236}">
                <a16:creationId xmlns:a16="http://schemas.microsoft.com/office/drawing/2014/main" id="{7A1DC707-89B1-195D-8291-B2C3BB06E74C}"/>
              </a:ext>
            </a:extLst>
          </p:cNvPr>
          <p:cNvSpPr>
            <a:spLocks/>
          </p:cNvSpPr>
          <p:nvPr/>
        </p:nvSpPr>
        <p:spPr bwMode="auto">
          <a:xfrm>
            <a:off x="6667500" y="1446560"/>
            <a:ext cx="530961" cy="411708"/>
          </a:xfrm>
          <a:custGeom>
            <a:avLst/>
            <a:gdLst>
              <a:gd name="T0" fmla="*/ 71 w 187"/>
              <a:gd name="T1" fmla="*/ 83 h 145"/>
              <a:gd name="T2" fmla="*/ 31 w 187"/>
              <a:gd name="T3" fmla="*/ 43 h 145"/>
              <a:gd name="T4" fmla="*/ 0 w 187"/>
              <a:gd name="T5" fmla="*/ 74 h 145"/>
              <a:gd name="T6" fmla="*/ 71 w 187"/>
              <a:gd name="T7" fmla="*/ 145 h 145"/>
              <a:gd name="T8" fmla="*/ 187 w 187"/>
              <a:gd name="T9" fmla="*/ 31 h 145"/>
              <a:gd name="T10" fmla="*/ 154 w 187"/>
              <a:gd name="T11" fmla="*/ 0 h 145"/>
              <a:gd name="T12" fmla="*/ 71 w 187"/>
              <a:gd name="T13" fmla="*/ 83 h 14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187" h="145">
                <a:moveTo>
                  <a:pt x="71" y="83"/>
                </a:moveTo>
                <a:lnTo>
                  <a:pt x="31" y="43"/>
                </a:lnTo>
                <a:lnTo>
                  <a:pt x="0" y="74"/>
                </a:lnTo>
                <a:lnTo>
                  <a:pt x="71" y="145"/>
                </a:lnTo>
                <a:lnTo>
                  <a:pt x="187" y="31"/>
                </a:lnTo>
                <a:lnTo>
                  <a:pt x="154" y="0"/>
                </a:lnTo>
                <a:lnTo>
                  <a:pt x="71" y="83"/>
                </a:lnTo>
                <a:close/>
              </a:path>
            </a:pathLst>
          </a:custGeom>
          <a:solidFill>
            <a:sysClr val="window" lastClr="FFFFFF"/>
          </a:solidFill>
          <a:ln w="19050" cap="flat">
            <a:solidFill>
              <a:sysClr val="window" lastClr="FFFF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4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550926676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9E6898-B7A5-163A-3DA6-2AE17045DF2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E13A1A06-BDFB-0D64-B7C1-E33854325D2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4E7BF0B-60CA-5155-65D0-2CD3E9CD7B0A}"/>
              </a:ext>
            </a:extLst>
          </p:cNvPr>
          <p:cNvSpPr txBox="1"/>
          <p:nvPr/>
        </p:nvSpPr>
        <p:spPr>
          <a:xfrm>
            <a:off x="4038600" y="2136339"/>
            <a:ext cx="7543800" cy="2585323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0" b="0" i="0" u="none" strike="noStrike" kern="1200" cap="none" spc="0" normalizeH="0" baseline="0" noProof="0" dirty="0">
                <a:ln>
                  <a:noFill/>
                </a:ln>
                <a:solidFill>
                  <a:srgbClr val="1DCAD3"/>
                </a:solidFill>
                <a:effectLst/>
                <a:uLnTx/>
                <a:uFillTx/>
                <a:latin typeface="Palatino Linotype"/>
                <a:ea typeface="+mn-ea"/>
                <a:cs typeface="+mn-cs"/>
              </a:rPr>
              <a:t>How Do We Respond to Disruption and Uncertainty?</a:t>
            </a: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B7E53611-3264-AAB8-03CB-F245462460E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06745894-19D0-AD59-1B4C-EBBC414CCCFE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909" y="3351074"/>
            <a:ext cx="4427253" cy="3506926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B4CB4889-8E51-DC0B-5A1C-94F1CD758E4D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484AB49B-C5E2-0C89-C6BC-EFF863791982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C268FE33-37EB-891C-F146-EE1D59977A8B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C5B8FB6A-5277-E0CD-F532-E4C587C6467A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F5552AFF-C1F0-92DA-983F-D9AAD60EAFF7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C4364B16-5C42-4FF2-10B2-24095C45888A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CEB07235-5899-B042-4D89-F4782F012F47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549DE22E-0862-CB83-A196-26C4F46E8A2B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FB984D15-ED9E-30BD-D039-9DCCF9878C80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8F473C7A-2283-E338-A659-39270CCFFC57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59036932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958F0B75-ED5B-4C33-8740-46D6219DC7EC}"/>
              </a:ext>
            </a:extLst>
          </p:cNvPr>
          <p:cNvSpPr/>
          <p:nvPr/>
        </p:nvSpPr>
        <p:spPr>
          <a:xfrm>
            <a:off x="652141" y="2590800"/>
            <a:ext cx="3310259" cy="3310259"/>
          </a:xfrm>
          <a:custGeom>
            <a:avLst/>
            <a:gdLst>
              <a:gd name="connsiteX0" fmla="*/ 0 w 3310259"/>
              <a:gd name="connsiteY0" fmla="*/ 0 h 3310259"/>
              <a:gd name="connsiteX1" fmla="*/ 3310259 w 3310259"/>
              <a:gd name="connsiteY1" fmla="*/ 0 h 3310259"/>
              <a:gd name="connsiteX2" fmla="*/ 3310259 w 3310259"/>
              <a:gd name="connsiteY2" fmla="*/ 3310259 h 3310259"/>
              <a:gd name="connsiteX3" fmla="*/ 0 w 3310259"/>
              <a:gd name="connsiteY3" fmla="*/ 3310259 h 33102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10259" h="3310259">
                <a:moveTo>
                  <a:pt x="0" y="0"/>
                </a:moveTo>
                <a:lnTo>
                  <a:pt x="3310259" y="0"/>
                </a:lnTo>
                <a:lnTo>
                  <a:pt x="3310259" y="3310259"/>
                </a:lnTo>
                <a:lnTo>
                  <a:pt x="0" y="3310259"/>
                </a:lnTo>
                <a:close/>
              </a:path>
            </a:pathLst>
          </a:custGeom>
          <a:solidFill>
            <a:schemeClr val="accent1">
              <a:lumMod val="20000"/>
              <a:lumOff val="80000"/>
            </a:schemeClr>
          </a:solidFill>
          <a:ln w="7794" cap="flat">
            <a:noFill/>
            <a:prstDash val="solid"/>
            <a:miter/>
          </a:ln>
        </p:spPr>
        <p:txBody>
          <a:bodyPr tIns="914400" rtlCol="0" anchor="t"/>
          <a:lstStyle/>
          <a:p>
            <a:pPr marL="0" indent="0" algn="ctr">
              <a:buNone/>
            </a:pPr>
            <a:r>
              <a:rPr lang="en-US" sz="2400" b="1" dirty="0">
                <a:solidFill>
                  <a:schemeClr val="accent5"/>
                </a:solidFill>
              </a:rPr>
              <a:t>Psychological Response</a:t>
            </a:r>
          </a:p>
          <a:p>
            <a:pPr marL="230188" indent="-17145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accent5"/>
                </a:solidFill>
              </a:rPr>
              <a:t>Heightened anxiety</a:t>
            </a:r>
          </a:p>
          <a:p>
            <a:pPr marL="230188" indent="-17145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accent5"/>
                </a:solidFill>
              </a:rPr>
              <a:t>Sensemaking</a:t>
            </a:r>
          </a:p>
          <a:p>
            <a:pPr marL="230188" indent="-17145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accent5"/>
                </a:solidFill>
              </a:rPr>
              <a:t>Cognitive overload</a:t>
            </a:r>
          </a:p>
          <a:p>
            <a:pPr marL="230188" indent="-17145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accent5"/>
                </a:solidFill>
              </a:rPr>
              <a:t>Fear</a:t>
            </a:r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3FD9527A-3EF1-43C3-9CF4-DE050622F6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1614119" y="1897649"/>
            <a:ext cx="1386302" cy="1386302"/>
          </a:xfrm>
          <a:custGeom>
            <a:avLst/>
            <a:gdLst>
              <a:gd name="connsiteX0" fmla="*/ 1386303 w 1386302"/>
              <a:gd name="connsiteY0" fmla="*/ 693151 h 1386302"/>
              <a:gd name="connsiteX1" fmla="*/ 693151 w 1386302"/>
              <a:gd name="connsiteY1" fmla="*/ 1386303 h 1386302"/>
              <a:gd name="connsiteX2" fmla="*/ 0 w 1386302"/>
              <a:gd name="connsiteY2" fmla="*/ 693151 h 1386302"/>
              <a:gd name="connsiteX3" fmla="*/ 693151 w 1386302"/>
              <a:gd name="connsiteY3" fmla="*/ 0 h 1386302"/>
              <a:gd name="connsiteX4" fmla="*/ 1386303 w 1386302"/>
              <a:gd name="connsiteY4" fmla="*/ 693151 h 13863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86302" h="1386302">
                <a:moveTo>
                  <a:pt x="1386303" y="693151"/>
                </a:moveTo>
                <a:cubicBezTo>
                  <a:pt x="1386303" y="1075968"/>
                  <a:pt x="1075968" y="1386303"/>
                  <a:pt x="693151" y="1386303"/>
                </a:cubicBezTo>
                <a:cubicBezTo>
                  <a:pt x="310334" y="1386303"/>
                  <a:pt x="0" y="1075968"/>
                  <a:pt x="0" y="693151"/>
                </a:cubicBezTo>
                <a:cubicBezTo>
                  <a:pt x="0" y="310334"/>
                  <a:pt x="310334" y="0"/>
                  <a:pt x="693151" y="0"/>
                </a:cubicBezTo>
                <a:cubicBezTo>
                  <a:pt x="1075968" y="0"/>
                  <a:pt x="1386303" y="310334"/>
                  <a:pt x="1386303" y="693151"/>
                </a:cubicBezTo>
                <a:close/>
              </a:path>
            </a:pathLst>
          </a:custGeom>
          <a:solidFill>
            <a:schemeClr val="accent5"/>
          </a:solidFill>
          <a:ln w="77943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D7FE32F7-A702-4639-A160-DAC2631F45FC}"/>
              </a:ext>
            </a:extLst>
          </p:cNvPr>
          <p:cNvSpPr/>
          <p:nvPr/>
        </p:nvSpPr>
        <p:spPr>
          <a:xfrm>
            <a:off x="8229600" y="2590800"/>
            <a:ext cx="3310259" cy="3310259"/>
          </a:xfrm>
          <a:custGeom>
            <a:avLst/>
            <a:gdLst>
              <a:gd name="connsiteX0" fmla="*/ 0 w 3310259"/>
              <a:gd name="connsiteY0" fmla="*/ 0 h 3310259"/>
              <a:gd name="connsiteX1" fmla="*/ 3310259 w 3310259"/>
              <a:gd name="connsiteY1" fmla="*/ 0 h 3310259"/>
              <a:gd name="connsiteX2" fmla="*/ 3310259 w 3310259"/>
              <a:gd name="connsiteY2" fmla="*/ 3310259 h 3310259"/>
              <a:gd name="connsiteX3" fmla="*/ 0 w 3310259"/>
              <a:gd name="connsiteY3" fmla="*/ 3310259 h 33102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10259" h="3310259">
                <a:moveTo>
                  <a:pt x="0" y="0"/>
                </a:moveTo>
                <a:lnTo>
                  <a:pt x="3310259" y="0"/>
                </a:lnTo>
                <a:lnTo>
                  <a:pt x="3310259" y="3310259"/>
                </a:lnTo>
                <a:lnTo>
                  <a:pt x="0" y="3310259"/>
                </a:lnTo>
                <a:close/>
              </a:path>
            </a:pathLst>
          </a:custGeom>
          <a:solidFill>
            <a:schemeClr val="accent1">
              <a:lumMod val="20000"/>
              <a:lumOff val="80000"/>
            </a:schemeClr>
          </a:solidFill>
          <a:ln w="7794" cap="flat">
            <a:noFill/>
            <a:prstDash val="solid"/>
            <a:miter/>
          </a:ln>
        </p:spPr>
        <p:txBody>
          <a:bodyPr tIns="914400" rtlCol="0" anchor="t"/>
          <a:lstStyle/>
          <a:p>
            <a:pPr marL="0" indent="0" algn="ctr">
              <a:buNone/>
            </a:pPr>
            <a:r>
              <a:rPr lang="en-US" sz="2400" b="1" dirty="0">
                <a:solidFill>
                  <a:schemeClr val="tx2"/>
                </a:solidFill>
              </a:rPr>
              <a:t>Social Response</a:t>
            </a:r>
          </a:p>
          <a:p>
            <a:pPr marL="282575" indent="-111125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tx2"/>
                </a:solidFill>
              </a:rPr>
              <a:t>Seeking reassurance</a:t>
            </a:r>
          </a:p>
          <a:p>
            <a:pPr marL="282575" indent="-111125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tx2"/>
                </a:solidFill>
              </a:rPr>
              <a:t>Shifts in trust — Inner circle</a:t>
            </a:r>
            <a:br>
              <a:rPr lang="en-US" sz="2200" dirty="0">
                <a:solidFill>
                  <a:schemeClr val="tx2"/>
                </a:solidFill>
              </a:rPr>
            </a:br>
            <a:r>
              <a:rPr lang="en-US" sz="2200" dirty="0">
                <a:solidFill>
                  <a:schemeClr val="tx2"/>
                </a:solidFill>
              </a:rPr>
              <a:t>vs Outer circle</a:t>
            </a:r>
          </a:p>
          <a:p>
            <a:pPr marL="282575" indent="-111125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tx2"/>
                </a:solidFill>
              </a:rPr>
              <a:t>Under or over-communicating</a:t>
            </a:r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6DE042D8-A0C2-4D76-B4A8-CF6D2C710F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9191578" y="1897649"/>
            <a:ext cx="1386302" cy="1386302"/>
          </a:xfrm>
          <a:custGeom>
            <a:avLst/>
            <a:gdLst>
              <a:gd name="connsiteX0" fmla="*/ 1386303 w 1386302"/>
              <a:gd name="connsiteY0" fmla="*/ 693151 h 1386302"/>
              <a:gd name="connsiteX1" fmla="*/ 693151 w 1386302"/>
              <a:gd name="connsiteY1" fmla="*/ 1386303 h 1386302"/>
              <a:gd name="connsiteX2" fmla="*/ -1 w 1386302"/>
              <a:gd name="connsiteY2" fmla="*/ 693151 h 1386302"/>
              <a:gd name="connsiteX3" fmla="*/ 693151 w 1386302"/>
              <a:gd name="connsiteY3" fmla="*/ 0 h 1386302"/>
              <a:gd name="connsiteX4" fmla="*/ 1386303 w 1386302"/>
              <a:gd name="connsiteY4" fmla="*/ 693151 h 13863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86302" h="1386302">
                <a:moveTo>
                  <a:pt x="1386303" y="693151"/>
                </a:moveTo>
                <a:cubicBezTo>
                  <a:pt x="1386303" y="1075968"/>
                  <a:pt x="1075968" y="1386303"/>
                  <a:pt x="693151" y="1386303"/>
                </a:cubicBezTo>
                <a:cubicBezTo>
                  <a:pt x="310334" y="1386303"/>
                  <a:pt x="-1" y="1075968"/>
                  <a:pt x="-1" y="693151"/>
                </a:cubicBezTo>
                <a:cubicBezTo>
                  <a:pt x="-1" y="310334"/>
                  <a:pt x="310333" y="0"/>
                  <a:pt x="693151" y="0"/>
                </a:cubicBezTo>
                <a:cubicBezTo>
                  <a:pt x="1075967" y="0"/>
                  <a:pt x="1386303" y="310334"/>
                  <a:pt x="1386303" y="693151"/>
                </a:cubicBezTo>
                <a:close/>
              </a:path>
            </a:pathLst>
          </a:custGeom>
          <a:solidFill>
            <a:schemeClr val="tx2"/>
          </a:solidFill>
          <a:ln w="77943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67C5D5C2-06AC-46EC-98B8-5DEE9165D48E}"/>
              </a:ext>
            </a:extLst>
          </p:cNvPr>
          <p:cNvSpPr/>
          <p:nvPr/>
        </p:nvSpPr>
        <p:spPr>
          <a:xfrm>
            <a:off x="4440870" y="2590800"/>
            <a:ext cx="3310259" cy="3310259"/>
          </a:xfrm>
          <a:custGeom>
            <a:avLst/>
            <a:gdLst>
              <a:gd name="connsiteX0" fmla="*/ 0 w 3310259"/>
              <a:gd name="connsiteY0" fmla="*/ 0 h 3310259"/>
              <a:gd name="connsiteX1" fmla="*/ 3310259 w 3310259"/>
              <a:gd name="connsiteY1" fmla="*/ 0 h 3310259"/>
              <a:gd name="connsiteX2" fmla="*/ 3310259 w 3310259"/>
              <a:gd name="connsiteY2" fmla="*/ 3310259 h 3310259"/>
              <a:gd name="connsiteX3" fmla="*/ 0 w 3310259"/>
              <a:gd name="connsiteY3" fmla="*/ 3310259 h 33102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10259" h="3310259">
                <a:moveTo>
                  <a:pt x="0" y="0"/>
                </a:moveTo>
                <a:lnTo>
                  <a:pt x="3310259" y="0"/>
                </a:lnTo>
                <a:lnTo>
                  <a:pt x="3310259" y="3310259"/>
                </a:lnTo>
                <a:lnTo>
                  <a:pt x="0" y="3310259"/>
                </a:lnTo>
                <a:close/>
              </a:path>
            </a:pathLst>
          </a:custGeom>
          <a:solidFill>
            <a:schemeClr val="accent1">
              <a:lumMod val="20000"/>
              <a:lumOff val="80000"/>
            </a:schemeClr>
          </a:solidFill>
          <a:ln w="7794" cap="flat">
            <a:noFill/>
            <a:prstDash val="solid"/>
            <a:miter/>
          </a:ln>
        </p:spPr>
        <p:txBody>
          <a:bodyPr tIns="914400" rtlCol="0" anchor="t"/>
          <a:lstStyle/>
          <a:p>
            <a:pPr marL="0" indent="0" algn="ctr">
              <a:buNone/>
            </a:pPr>
            <a:r>
              <a:rPr lang="en-US" sz="2400" b="1" dirty="0">
                <a:solidFill>
                  <a:schemeClr val="bg2"/>
                </a:solidFill>
              </a:rPr>
              <a:t>Behavioral Response</a:t>
            </a:r>
          </a:p>
          <a:p>
            <a:pPr marL="282575" indent="-17145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bg2"/>
                </a:solidFill>
              </a:rPr>
              <a:t>Avoidance</a:t>
            </a:r>
          </a:p>
          <a:p>
            <a:pPr marL="282575" indent="-17145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bg2"/>
                </a:solidFill>
              </a:rPr>
              <a:t>Over control</a:t>
            </a:r>
          </a:p>
          <a:p>
            <a:pPr marL="282575" indent="-17145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bg2"/>
                </a:solidFill>
              </a:rPr>
              <a:t>Risk taking or Impulsivity</a:t>
            </a:r>
          </a:p>
          <a:p>
            <a:pPr marL="282575" indent="-17145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bg2"/>
                </a:solidFill>
              </a:rPr>
              <a:t>Hand-wringing</a:t>
            </a:r>
          </a:p>
        </p:txBody>
      </p:sp>
      <p:sp>
        <p:nvSpPr>
          <p:cNvPr id="13" name="Freeform: Shape 12">
            <a:extLst>
              <a:ext uri="{FF2B5EF4-FFF2-40B4-BE49-F238E27FC236}">
                <a16:creationId xmlns:a16="http://schemas.microsoft.com/office/drawing/2014/main" id="{14C0BC98-1D80-4C4F-8929-A4DDF1D49D8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5402848" y="1897649"/>
            <a:ext cx="1386302" cy="1386302"/>
          </a:xfrm>
          <a:custGeom>
            <a:avLst/>
            <a:gdLst>
              <a:gd name="connsiteX0" fmla="*/ 1386303 w 1386302"/>
              <a:gd name="connsiteY0" fmla="*/ 693151 h 1386302"/>
              <a:gd name="connsiteX1" fmla="*/ 693151 w 1386302"/>
              <a:gd name="connsiteY1" fmla="*/ 1386303 h 1386302"/>
              <a:gd name="connsiteX2" fmla="*/ 0 w 1386302"/>
              <a:gd name="connsiteY2" fmla="*/ 693151 h 1386302"/>
              <a:gd name="connsiteX3" fmla="*/ 693151 w 1386302"/>
              <a:gd name="connsiteY3" fmla="*/ 0 h 1386302"/>
              <a:gd name="connsiteX4" fmla="*/ 1386303 w 1386302"/>
              <a:gd name="connsiteY4" fmla="*/ 693151 h 13863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86302" h="1386302">
                <a:moveTo>
                  <a:pt x="1386303" y="693151"/>
                </a:moveTo>
                <a:cubicBezTo>
                  <a:pt x="1386303" y="1075968"/>
                  <a:pt x="1075968" y="1386303"/>
                  <a:pt x="693151" y="1386303"/>
                </a:cubicBezTo>
                <a:cubicBezTo>
                  <a:pt x="310335" y="1386303"/>
                  <a:pt x="0" y="1075968"/>
                  <a:pt x="0" y="693151"/>
                </a:cubicBezTo>
                <a:cubicBezTo>
                  <a:pt x="0" y="310334"/>
                  <a:pt x="310335" y="0"/>
                  <a:pt x="693151" y="0"/>
                </a:cubicBezTo>
                <a:cubicBezTo>
                  <a:pt x="1075968" y="0"/>
                  <a:pt x="1386303" y="310334"/>
                  <a:pt x="1386303" y="693151"/>
                </a:cubicBezTo>
                <a:close/>
              </a:path>
            </a:pathLst>
          </a:custGeom>
          <a:solidFill>
            <a:schemeClr val="bg2"/>
          </a:solidFill>
          <a:ln w="77943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9B4C396-F14A-89C8-55EB-BEA074C1E35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mmon Responses to Uncertainty</a:t>
            </a:r>
          </a:p>
        </p:txBody>
      </p:sp>
      <p:grpSp>
        <p:nvGrpSpPr>
          <p:cNvPr id="18" name="Group 17">
            <a:extLst>
              <a:ext uri="{FF2B5EF4-FFF2-40B4-BE49-F238E27FC236}">
                <a16:creationId xmlns:a16="http://schemas.microsoft.com/office/drawing/2014/main" id="{03DFEE1B-1731-C02B-A3E6-2E6885A64AAF}"/>
              </a:ext>
            </a:extLst>
          </p:cNvPr>
          <p:cNvGrpSpPr/>
          <p:nvPr/>
        </p:nvGrpSpPr>
        <p:grpSpPr>
          <a:xfrm>
            <a:off x="5656460" y="2160119"/>
            <a:ext cx="715801" cy="967470"/>
            <a:chOff x="919163" y="755651"/>
            <a:chExt cx="898525" cy="1214438"/>
          </a:xfrm>
        </p:grpSpPr>
        <p:sp>
          <p:nvSpPr>
            <p:cNvPr id="19" name="Freeform 5">
              <a:extLst>
                <a:ext uri="{FF2B5EF4-FFF2-40B4-BE49-F238E27FC236}">
                  <a16:creationId xmlns:a16="http://schemas.microsoft.com/office/drawing/2014/main" id="{6643B4BB-0691-EFFA-DA04-FA202B12E14F}"/>
                </a:ext>
              </a:extLst>
            </p:cNvPr>
            <p:cNvSpPr>
              <a:spLocks/>
            </p:cNvSpPr>
            <p:nvPr/>
          </p:nvSpPr>
          <p:spPr bwMode="auto">
            <a:xfrm>
              <a:off x="1625600" y="987426"/>
              <a:ext cx="192088" cy="192088"/>
            </a:xfrm>
            <a:custGeom>
              <a:avLst/>
              <a:gdLst>
                <a:gd name="T0" fmla="*/ 214 w 223"/>
                <a:gd name="T1" fmla="*/ 128 h 223"/>
                <a:gd name="T2" fmla="*/ 95 w 223"/>
                <a:gd name="T3" fmla="*/ 214 h 223"/>
                <a:gd name="T4" fmla="*/ 8 w 223"/>
                <a:gd name="T5" fmla="*/ 96 h 223"/>
                <a:gd name="T6" fmla="*/ 127 w 223"/>
                <a:gd name="T7" fmla="*/ 9 h 223"/>
                <a:gd name="T8" fmla="*/ 214 w 223"/>
                <a:gd name="T9" fmla="*/ 128 h 2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3" h="223">
                  <a:moveTo>
                    <a:pt x="214" y="128"/>
                  </a:moveTo>
                  <a:cubicBezTo>
                    <a:pt x="205" y="184"/>
                    <a:pt x="152" y="223"/>
                    <a:pt x="95" y="214"/>
                  </a:cubicBezTo>
                  <a:cubicBezTo>
                    <a:pt x="38" y="206"/>
                    <a:pt x="0" y="152"/>
                    <a:pt x="8" y="96"/>
                  </a:cubicBezTo>
                  <a:cubicBezTo>
                    <a:pt x="17" y="39"/>
                    <a:pt x="70" y="0"/>
                    <a:pt x="127" y="9"/>
                  </a:cubicBezTo>
                  <a:cubicBezTo>
                    <a:pt x="184" y="18"/>
                    <a:pt x="223" y="71"/>
                    <a:pt x="214" y="128"/>
                  </a:cubicBezTo>
                  <a:close/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0" name="Freeform 6">
              <a:extLst>
                <a:ext uri="{FF2B5EF4-FFF2-40B4-BE49-F238E27FC236}">
                  <a16:creationId xmlns:a16="http://schemas.microsoft.com/office/drawing/2014/main" id="{643AFBA5-B164-3768-76F1-CE74AB76F56B}"/>
                </a:ext>
              </a:extLst>
            </p:cNvPr>
            <p:cNvSpPr>
              <a:spLocks/>
            </p:cNvSpPr>
            <p:nvPr/>
          </p:nvSpPr>
          <p:spPr bwMode="auto">
            <a:xfrm>
              <a:off x="1223963" y="1090613"/>
              <a:ext cx="425450" cy="587375"/>
            </a:xfrm>
            <a:custGeom>
              <a:avLst/>
              <a:gdLst>
                <a:gd name="T0" fmla="*/ 494 w 494"/>
                <a:gd name="T1" fmla="*/ 127 h 683"/>
                <a:gd name="T2" fmla="*/ 341 w 494"/>
                <a:gd name="T3" fmla="*/ 16 h 683"/>
                <a:gd name="T4" fmla="*/ 4 w 494"/>
                <a:gd name="T5" fmla="*/ 387 h 683"/>
                <a:gd name="T6" fmla="*/ 14 w 494"/>
                <a:gd name="T7" fmla="*/ 475 h 683"/>
                <a:gd name="T8" fmla="*/ 128 w 494"/>
                <a:gd name="T9" fmla="*/ 683 h 6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4" h="683">
                  <a:moveTo>
                    <a:pt x="494" y="127"/>
                  </a:moveTo>
                  <a:cubicBezTo>
                    <a:pt x="490" y="45"/>
                    <a:pt x="415" y="0"/>
                    <a:pt x="341" y="16"/>
                  </a:cubicBezTo>
                  <a:cubicBezTo>
                    <a:pt x="204" y="46"/>
                    <a:pt x="25" y="228"/>
                    <a:pt x="4" y="387"/>
                  </a:cubicBezTo>
                  <a:cubicBezTo>
                    <a:pt x="0" y="416"/>
                    <a:pt x="4" y="447"/>
                    <a:pt x="14" y="475"/>
                  </a:cubicBezTo>
                  <a:cubicBezTo>
                    <a:pt x="61" y="599"/>
                    <a:pt x="128" y="683"/>
                    <a:pt x="128" y="683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1" name="Freeform 7">
              <a:extLst>
                <a:ext uri="{FF2B5EF4-FFF2-40B4-BE49-F238E27FC236}">
                  <a16:creationId xmlns:a16="http://schemas.microsoft.com/office/drawing/2014/main" id="{E548A307-2A48-DC2D-BCED-2AAB32CA358A}"/>
                </a:ext>
              </a:extLst>
            </p:cNvPr>
            <p:cNvSpPr>
              <a:spLocks/>
            </p:cNvSpPr>
            <p:nvPr/>
          </p:nvSpPr>
          <p:spPr bwMode="auto">
            <a:xfrm>
              <a:off x="1335088" y="1666876"/>
              <a:ext cx="106363" cy="301625"/>
            </a:xfrm>
            <a:custGeom>
              <a:avLst/>
              <a:gdLst>
                <a:gd name="T0" fmla="*/ 0 w 124"/>
                <a:gd name="T1" fmla="*/ 13 h 351"/>
                <a:gd name="T2" fmla="*/ 0 w 124"/>
                <a:gd name="T3" fmla="*/ 290 h 351"/>
                <a:gd name="T4" fmla="*/ 62 w 124"/>
                <a:gd name="T5" fmla="*/ 351 h 351"/>
                <a:gd name="T6" fmla="*/ 124 w 124"/>
                <a:gd name="T7" fmla="*/ 290 h 351"/>
                <a:gd name="T8" fmla="*/ 124 w 124"/>
                <a:gd name="T9" fmla="*/ 13 h 351"/>
                <a:gd name="T10" fmla="*/ 124 w 124"/>
                <a:gd name="T11" fmla="*/ 9 h 351"/>
                <a:gd name="T12" fmla="*/ 122 w 124"/>
                <a:gd name="T13" fmla="*/ 0 h 3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4" h="351">
                  <a:moveTo>
                    <a:pt x="0" y="13"/>
                  </a:moveTo>
                  <a:cubicBezTo>
                    <a:pt x="0" y="290"/>
                    <a:pt x="0" y="290"/>
                    <a:pt x="0" y="290"/>
                  </a:cubicBezTo>
                  <a:cubicBezTo>
                    <a:pt x="0" y="324"/>
                    <a:pt x="28" y="351"/>
                    <a:pt x="62" y="351"/>
                  </a:cubicBezTo>
                  <a:cubicBezTo>
                    <a:pt x="96" y="351"/>
                    <a:pt x="124" y="324"/>
                    <a:pt x="124" y="290"/>
                  </a:cubicBezTo>
                  <a:cubicBezTo>
                    <a:pt x="124" y="13"/>
                    <a:pt x="124" y="13"/>
                    <a:pt x="124" y="13"/>
                  </a:cubicBezTo>
                  <a:cubicBezTo>
                    <a:pt x="124" y="12"/>
                    <a:pt x="124" y="10"/>
                    <a:pt x="124" y="9"/>
                  </a:cubicBezTo>
                  <a:cubicBezTo>
                    <a:pt x="124" y="6"/>
                    <a:pt x="123" y="3"/>
                    <a:pt x="122" y="0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2" name="Freeform 8">
              <a:extLst>
                <a:ext uri="{FF2B5EF4-FFF2-40B4-BE49-F238E27FC236}">
                  <a16:creationId xmlns:a16="http://schemas.microsoft.com/office/drawing/2014/main" id="{E602108A-9120-F2B3-4BBE-4C1D5D83BD90}"/>
                </a:ext>
              </a:extLst>
            </p:cNvPr>
            <p:cNvSpPr>
              <a:spLocks/>
            </p:cNvSpPr>
            <p:nvPr/>
          </p:nvSpPr>
          <p:spPr bwMode="auto">
            <a:xfrm>
              <a:off x="1558925" y="1190626"/>
              <a:ext cx="90488" cy="307975"/>
            </a:xfrm>
            <a:custGeom>
              <a:avLst/>
              <a:gdLst>
                <a:gd name="T0" fmla="*/ 0 w 105"/>
                <a:gd name="T1" fmla="*/ 97 h 358"/>
                <a:gd name="T2" fmla="*/ 0 w 105"/>
                <a:gd name="T3" fmla="*/ 306 h 358"/>
                <a:gd name="T4" fmla="*/ 53 w 105"/>
                <a:gd name="T5" fmla="*/ 358 h 358"/>
                <a:gd name="T6" fmla="*/ 105 w 105"/>
                <a:gd name="T7" fmla="*/ 306 h 358"/>
                <a:gd name="T8" fmla="*/ 105 w 105"/>
                <a:gd name="T9" fmla="*/ 11 h 358"/>
                <a:gd name="T10" fmla="*/ 104 w 105"/>
                <a:gd name="T11" fmla="*/ 0 h 358"/>
                <a:gd name="T12" fmla="*/ 104 w 105"/>
                <a:gd name="T13" fmla="*/ 0 h 35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05" h="358">
                  <a:moveTo>
                    <a:pt x="0" y="97"/>
                  </a:moveTo>
                  <a:cubicBezTo>
                    <a:pt x="0" y="306"/>
                    <a:pt x="0" y="306"/>
                    <a:pt x="0" y="306"/>
                  </a:cubicBezTo>
                  <a:cubicBezTo>
                    <a:pt x="0" y="335"/>
                    <a:pt x="24" y="358"/>
                    <a:pt x="53" y="358"/>
                  </a:cubicBezTo>
                  <a:cubicBezTo>
                    <a:pt x="82" y="358"/>
                    <a:pt x="105" y="335"/>
                    <a:pt x="105" y="306"/>
                  </a:cubicBezTo>
                  <a:cubicBezTo>
                    <a:pt x="105" y="11"/>
                    <a:pt x="105" y="11"/>
                    <a:pt x="105" y="11"/>
                  </a:cubicBezTo>
                  <a:cubicBezTo>
                    <a:pt x="105" y="7"/>
                    <a:pt x="105" y="4"/>
                    <a:pt x="104" y="0"/>
                  </a:cubicBezTo>
                  <a:cubicBezTo>
                    <a:pt x="104" y="0"/>
                    <a:pt x="104" y="0"/>
                    <a:pt x="104" y="0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3" name="Freeform 9">
              <a:extLst>
                <a:ext uri="{FF2B5EF4-FFF2-40B4-BE49-F238E27FC236}">
                  <a16:creationId xmlns:a16="http://schemas.microsoft.com/office/drawing/2014/main" id="{511A4927-957F-CC5E-5745-8F334F07BFC5}"/>
                </a:ext>
              </a:extLst>
            </p:cNvPr>
            <p:cNvSpPr>
              <a:spLocks/>
            </p:cNvSpPr>
            <p:nvPr/>
          </p:nvSpPr>
          <p:spPr bwMode="auto">
            <a:xfrm>
              <a:off x="1384300" y="1500188"/>
              <a:ext cx="58738" cy="177800"/>
            </a:xfrm>
            <a:custGeom>
              <a:avLst/>
              <a:gdLst>
                <a:gd name="T0" fmla="*/ 0 w 68"/>
                <a:gd name="T1" fmla="*/ 0 h 206"/>
                <a:gd name="T2" fmla="*/ 0 w 68"/>
                <a:gd name="T3" fmla="*/ 0 h 206"/>
                <a:gd name="T4" fmla="*/ 66 w 68"/>
                <a:gd name="T5" fmla="*/ 206 h 20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8" h="206">
                  <a:moveTo>
                    <a:pt x="0" y="0"/>
                  </a:moveTo>
                  <a:cubicBezTo>
                    <a:pt x="0" y="0"/>
                    <a:pt x="0" y="0"/>
                    <a:pt x="0" y="0"/>
                  </a:cubicBezTo>
                  <a:cubicBezTo>
                    <a:pt x="30" y="85"/>
                    <a:pt x="68" y="187"/>
                    <a:pt x="66" y="206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4" name="Freeform 10">
              <a:extLst>
                <a:ext uri="{FF2B5EF4-FFF2-40B4-BE49-F238E27FC236}">
                  <a16:creationId xmlns:a16="http://schemas.microsoft.com/office/drawing/2014/main" id="{0C92ED51-BEAD-EEF8-A22F-5E3AB7254CAF}"/>
                </a:ext>
              </a:extLst>
            </p:cNvPr>
            <p:cNvSpPr>
              <a:spLocks/>
            </p:cNvSpPr>
            <p:nvPr/>
          </p:nvSpPr>
          <p:spPr bwMode="auto">
            <a:xfrm>
              <a:off x="1384300" y="1273176"/>
              <a:ext cx="174625" cy="227013"/>
            </a:xfrm>
            <a:custGeom>
              <a:avLst/>
              <a:gdLst>
                <a:gd name="T0" fmla="*/ 203 w 203"/>
                <a:gd name="T1" fmla="*/ 0 h 264"/>
                <a:gd name="T2" fmla="*/ 0 w 203"/>
                <a:gd name="T3" fmla="*/ 264 h 264"/>
                <a:gd name="T4" fmla="*/ 0 w 203"/>
                <a:gd name="T5" fmla="*/ 264 h 2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03" h="264">
                  <a:moveTo>
                    <a:pt x="203" y="0"/>
                  </a:moveTo>
                  <a:cubicBezTo>
                    <a:pt x="129" y="71"/>
                    <a:pt x="55" y="176"/>
                    <a:pt x="0" y="264"/>
                  </a:cubicBezTo>
                  <a:cubicBezTo>
                    <a:pt x="0" y="264"/>
                    <a:pt x="0" y="264"/>
                    <a:pt x="0" y="264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5" name="Line 11">
              <a:extLst>
                <a:ext uri="{FF2B5EF4-FFF2-40B4-BE49-F238E27FC236}">
                  <a16:creationId xmlns:a16="http://schemas.microsoft.com/office/drawing/2014/main" id="{E64C1E99-B0B7-9283-5DD8-5B2583760E4F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809750" y="854076"/>
              <a:ext cx="0" cy="1116013"/>
            </a:xfrm>
            <a:prstGeom prst="line">
              <a:avLst/>
            </a:pr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6" name="Freeform 12">
              <a:extLst>
                <a:ext uri="{FF2B5EF4-FFF2-40B4-BE49-F238E27FC236}">
                  <a16:creationId xmlns:a16="http://schemas.microsoft.com/office/drawing/2014/main" id="{5622FA10-B5CB-CEB0-ACE7-854FF7C4D0D9}"/>
                </a:ext>
              </a:extLst>
            </p:cNvPr>
            <p:cNvSpPr>
              <a:spLocks/>
            </p:cNvSpPr>
            <p:nvPr/>
          </p:nvSpPr>
          <p:spPr bwMode="auto">
            <a:xfrm>
              <a:off x="919163" y="755651"/>
              <a:ext cx="458788" cy="395288"/>
            </a:xfrm>
            <a:custGeom>
              <a:avLst/>
              <a:gdLst>
                <a:gd name="T0" fmla="*/ 244 w 533"/>
                <a:gd name="T1" fmla="*/ 349 h 460"/>
                <a:gd name="T2" fmla="*/ 160 w 533"/>
                <a:gd name="T3" fmla="*/ 368 h 460"/>
                <a:gd name="T4" fmla="*/ 20 w 533"/>
                <a:gd name="T5" fmla="*/ 313 h 460"/>
                <a:gd name="T6" fmla="*/ 109 w 533"/>
                <a:gd name="T7" fmla="*/ 191 h 460"/>
                <a:gd name="T8" fmla="*/ 461 w 533"/>
                <a:gd name="T9" fmla="*/ 181 h 460"/>
                <a:gd name="T10" fmla="*/ 398 w 533"/>
                <a:gd name="T11" fmla="*/ 260 h 460"/>
                <a:gd name="T12" fmla="*/ 147 w 533"/>
                <a:gd name="T13" fmla="*/ 305 h 460"/>
                <a:gd name="T14" fmla="*/ 107 w 533"/>
                <a:gd name="T15" fmla="*/ 334 h 460"/>
                <a:gd name="T16" fmla="*/ 114 w 533"/>
                <a:gd name="T17" fmla="*/ 378 h 460"/>
                <a:gd name="T18" fmla="*/ 269 w 533"/>
                <a:gd name="T19" fmla="*/ 455 h 460"/>
                <a:gd name="T20" fmla="*/ 344 w 533"/>
                <a:gd name="T21" fmla="*/ 426 h 460"/>
                <a:gd name="T22" fmla="*/ 378 w 533"/>
                <a:gd name="T23" fmla="*/ 355 h 460"/>
                <a:gd name="T24" fmla="*/ 312 w 533"/>
                <a:gd name="T25" fmla="*/ 274 h 460"/>
                <a:gd name="T26" fmla="*/ 203 w 533"/>
                <a:gd name="T27" fmla="*/ 257 h 460"/>
                <a:gd name="T28" fmla="*/ 95 w 533"/>
                <a:gd name="T29" fmla="*/ 239 h 460"/>
                <a:gd name="T30" fmla="*/ 125 w 533"/>
                <a:gd name="T31" fmla="*/ 38 h 460"/>
                <a:gd name="T32" fmla="*/ 291 w 533"/>
                <a:gd name="T33" fmla="*/ 57 h 460"/>
                <a:gd name="T34" fmla="*/ 324 w 533"/>
                <a:gd name="T35" fmla="*/ 262 h 460"/>
                <a:gd name="T36" fmla="*/ 363 w 533"/>
                <a:gd name="T37" fmla="*/ 336 h 460"/>
                <a:gd name="T38" fmla="*/ 418 w 533"/>
                <a:gd name="T39" fmla="*/ 347 h 460"/>
                <a:gd name="T40" fmla="*/ 479 w 533"/>
                <a:gd name="T41" fmla="*/ 334 h 460"/>
                <a:gd name="T42" fmla="*/ 526 w 533"/>
                <a:gd name="T43" fmla="*/ 246 h 460"/>
                <a:gd name="T44" fmla="*/ 498 w 533"/>
                <a:gd name="T45" fmla="*/ 86 h 460"/>
                <a:gd name="T46" fmla="*/ 472 w 533"/>
                <a:gd name="T47" fmla="*/ 125 h 460"/>
                <a:gd name="T48" fmla="*/ 459 w 533"/>
                <a:gd name="T49" fmla="*/ 417 h 4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533" h="460">
                  <a:moveTo>
                    <a:pt x="244" y="349"/>
                  </a:moveTo>
                  <a:cubicBezTo>
                    <a:pt x="234" y="384"/>
                    <a:pt x="193" y="383"/>
                    <a:pt x="160" y="368"/>
                  </a:cubicBezTo>
                  <a:cubicBezTo>
                    <a:pt x="128" y="352"/>
                    <a:pt x="41" y="365"/>
                    <a:pt x="20" y="313"/>
                  </a:cubicBezTo>
                  <a:cubicBezTo>
                    <a:pt x="0" y="260"/>
                    <a:pt x="85" y="228"/>
                    <a:pt x="109" y="191"/>
                  </a:cubicBezTo>
                  <a:cubicBezTo>
                    <a:pt x="184" y="71"/>
                    <a:pt x="458" y="118"/>
                    <a:pt x="461" y="181"/>
                  </a:cubicBezTo>
                  <a:cubicBezTo>
                    <a:pt x="464" y="244"/>
                    <a:pt x="406" y="261"/>
                    <a:pt x="398" y="260"/>
                  </a:cubicBezTo>
                  <a:cubicBezTo>
                    <a:pt x="298" y="248"/>
                    <a:pt x="242" y="275"/>
                    <a:pt x="147" y="305"/>
                  </a:cubicBezTo>
                  <a:cubicBezTo>
                    <a:pt x="130" y="311"/>
                    <a:pt x="113" y="318"/>
                    <a:pt x="107" y="334"/>
                  </a:cubicBezTo>
                  <a:cubicBezTo>
                    <a:pt x="101" y="349"/>
                    <a:pt x="107" y="365"/>
                    <a:pt x="114" y="378"/>
                  </a:cubicBezTo>
                  <a:cubicBezTo>
                    <a:pt x="145" y="431"/>
                    <a:pt x="209" y="460"/>
                    <a:pt x="269" y="455"/>
                  </a:cubicBezTo>
                  <a:cubicBezTo>
                    <a:pt x="296" y="452"/>
                    <a:pt x="323" y="444"/>
                    <a:pt x="344" y="426"/>
                  </a:cubicBezTo>
                  <a:cubicBezTo>
                    <a:pt x="365" y="409"/>
                    <a:pt x="379" y="383"/>
                    <a:pt x="378" y="355"/>
                  </a:cubicBezTo>
                  <a:cubicBezTo>
                    <a:pt x="376" y="319"/>
                    <a:pt x="346" y="288"/>
                    <a:pt x="312" y="274"/>
                  </a:cubicBezTo>
                  <a:cubicBezTo>
                    <a:pt x="278" y="259"/>
                    <a:pt x="240" y="258"/>
                    <a:pt x="203" y="257"/>
                  </a:cubicBezTo>
                  <a:cubicBezTo>
                    <a:pt x="167" y="256"/>
                    <a:pt x="129" y="254"/>
                    <a:pt x="95" y="239"/>
                  </a:cubicBezTo>
                  <a:cubicBezTo>
                    <a:pt x="53" y="220"/>
                    <a:pt x="33" y="81"/>
                    <a:pt x="125" y="38"/>
                  </a:cubicBezTo>
                  <a:cubicBezTo>
                    <a:pt x="160" y="22"/>
                    <a:pt x="258" y="0"/>
                    <a:pt x="291" y="57"/>
                  </a:cubicBezTo>
                  <a:cubicBezTo>
                    <a:pt x="325" y="118"/>
                    <a:pt x="312" y="194"/>
                    <a:pt x="324" y="262"/>
                  </a:cubicBezTo>
                  <a:cubicBezTo>
                    <a:pt x="329" y="291"/>
                    <a:pt x="339" y="321"/>
                    <a:pt x="363" y="336"/>
                  </a:cubicBezTo>
                  <a:cubicBezTo>
                    <a:pt x="379" y="346"/>
                    <a:pt x="399" y="347"/>
                    <a:pt x="418" y="347"/>
                  </a:cubicBezTo>
                  <a:cubicBezTo>
                    <a:pt x="439" y="346"/>
                    <a:pt x="461" y="345"/>
                    <a:pt x="479" y="334"/>
                  </a:cubicBezTo>
                  <a:cubicBezTo>
                    <a:pt x="509" y="317"/>
                    <a:pt x="522" y="280"/>
                    <a:pt x="526" y="246"/>
                  </a:cubicBezTo>
                  <a:cubicBezTo>
                    <a:pt x="533" y="192"/>
                    <a:pt x="523" y="135"/>
                    <a:pt x="498" y="86"/>
                  </a:cubicBezTo>
                  <a:cubicBezTo>
                    <a:pt x="483" y="91"/>
                    <a:pt x="476" y="109"/>
                    <a:pt x="472" y="125"/>
                  </a:cubicBezTo>
                  <a:cubicBezTo>
                    <a:pt x="449" y="220"/>
                    <a:pt x="445" y="320"/>
                    <a:pt x="459" y="417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7" name="Line 13">
              <a:extLst>
                <a:ext uri="{FF2B5EF4-FFF2-40B4-BE49-F238E27FC236}">
                  <a16:creationId xmlns:a16="http://schemas.microsoft.com/office/drawing/2014/main" id="{47DC91FB-AE3A-E0DB-E396-A62174FD587F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447800" y="955676"/>
              <a:ext cx="87313" cy="44450"/>
            </a:xfrm>
            <a:prstGeom prst="line">
              <a:avLst/>
            </a:pr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grpSp>
        <p:nvGrpSpPr>
          <p:cNvPr id="28" name="Graphic 2">
            <a:extLst>
              <a:ext uri="{FF2B5EF4-FFF2-40B4-BE49-F238E27FC236}">
                <a16:creationId xmlns:a16="http://schemas.microsoft.com/office/drawing/2014/main" id="{52ED3B7D-4E65-F48E-4778-CFD323BD8588}"/>
              </a:ext>
            </a:extLst>
          </p:cNvPr>
          <p:cNvGrpSpPr>
            <a:grpSpLocks noChangeAspect="1"/>
          </p:cNvGrpSpPr>
          <p:nvPr/>
        </p:nvGrpSpPr>
        <p:grpSpPr>
          <a:xfrm>
            <a:off x="1882551" y="2227596"/>
            <a:ext cx="849437" cy="766474"/>
            <a:chOff x="1945946" y="1297385"/>
            <a:chExt cx="164731" cy="148642"/>
          </a:xfrm>
          <a:noFill/>
        </p:grpSpPr>
        <p:grpSp>
          <p:nvGrpSpPr>
            <p:cNvPr id="29" name="Graphic 2">
              <a:extLst>
                <a:ext uri="{FF2B5EF4-FFF2-40B4-BE49-F238E27FC236}">
                  <a16:creationId xmlns:a16="http://schemas.microsoft.com/office/drawing/2014/main" id="{6A15E5C7-5670-3C31-9103-F3840321C609}"/>
                </a:ext>
              </a:extLst>
            </p:cNvPr>
            <p:cNvGrpSpPr/>
            <p:nvPr/>
          </p:nvGrpSpPr>
          <p:grpSpPr>
            <a:xfrm>
              <a:off x="1973521" y="1327768"/>
              <a:ext cx="109580" cy="112461"/>
              <a:chOff x="1973521" y="1327768"/>
              <a:chExt cx="109580" cy="112461"/>
            </a:xfrm>
            <a:noFill/>
          </p:grpSpPr>
          <p:sp>
            <p:nvSpPr>
              <p:cNvPr id="36" name="Freeform: Shape 35">
                <a:extLst>
                  <a:ext uri="{FF2B5EF4-FFF2-40B4-BE49-F238E27FC236}">
                    <a16:creationId xmlns:a16="http://schemas.microsoft.com/office/drawing/2014/main" id="{5779F006-19A7-7941-84E8-AD038D5FC081}"/>
                  </a:ext>
                </a:extLst>
              </p:cNvPr>
              <p:cNvSpPr/>
              <p:nvPr/>
            </p:nvSpPr>
            <p:spPr>
              <a:xfrm>
                <a:off x="2028280" y="1363675"/>
                <a:ext cx="631" cy="56260"/>
              </a:xfrm>
              <a:custGeom>
                <a:avLst/>
                <a:gdLst>
                  <a:gd name="connsiteX0" fmla="*/ 0 w 631"/>
                  <a:gd name="connsiteY0" fmla="*/ 0 h 56260"/>
                  <a:gd name="connsiteX1" fmla="*/ 0 w 631"/>
                  <a:gd name="connsiteY1" fmla="*/ 56261 h 562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631" h="56260">
                    <a:moveTo>
                      <a:pt x="0" y="0"/>
                    </a:moveTo>
                    <a:lnTo>
                      <a:pt x="0" y="56261"/>
                    </a:lnTo>
                  </a:path>
                </a:pathLst>
              </a:custGeom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7" name="Freeform: Shape 36">
                <a:extLst>
                  <a:ext uri="{FF2B5EF4-FFF2-40B4-BE49-F238E27FC236}">
                    <a16:creationId xmlns:a16="http://schemas.microsoft.com/office/drawing/2014/main" id="{676DAFF3-0728-03C8-02FB-8F88260F9BBD}"/>
                  </a:ext>
                </a:extLst>
              </p:cNvPr>
              <p:cNvSpPr/>
              <p:nvPr/>
            </p:nvSpPr>
            <p:spPr>
              <a:xfrm>
                <a:off x="1987755" y="1334454"/>
                <a:ext cx="19532" cy="22161"/>
              </a:xfrm>
              <a:custGeom>
                <a:avLst/>
                <a:gdLst>
                  <a:gd name="connsiteX0" fmla="*/ 2155 w 19532"/>
                  <a:gd name="connsiteY0" fmla="*/ 22162 h 22161"/>
                  <a:gd name="connsiteX1" fmla="*/ 0 w 19532"/>
                  <a:gd name="connsiteY1" fmla="*/ 14541 h 22161"/>
                  <a:gd name="connsiteX2" fmla="*/ 14541 w 19532"/>
                  <a:gd name="connsiteY2" fmla="*/ 0 h 22161"/>
                  <a:gd name="connsiteX3" fmla="*/ 19533 w 19532"/>
                  <a:gd name="connsiteY3" fmla="*/ 878 h 2216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532" h="22161">
                    <a:moveTo>
                      <a:pt x="2155" y="22162"/>
                    </a:moveTo>
                    <a:cubicBezTo>
                      <a:pt x="790" y="19944"/>
                      <a:pt x="0" y="17334"/>
                      <a:pt x="0" y="14541"/>
                    </a:cubicBezTo>
                    <a:cubicBezTo>
                      <a:pt x="0" y="6509"/>
                      <a:pt x="6509" y="0"/>
                      <a:pt x="14541" y="0"/>
                    </a:cubicBezTo>
                    <a:cubicBezTo>
                      <a:pt x="16297" y="0"/>
                      <a:pt x="17978" y="310"/>
                      <a:pt x="19533" y="878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8" name="Freeform: Shape 37">
                <a:extLst>
                  <a:ext uri="{FF2B5EF4-FFF2-40B4-BE49-F238E27FC236}">
                    <a16:creationId xmlns:a16="http://schemas.microsoft.com/office/drawing/2014/main" id="{C3C24011-69D9-1714-180F-2B9A27EF1C67}"/>
                  </a:ext>
                </a:extLst>
              </p:cNvPr>
              <p:cNvSpPr/>
              <p:nvPr/>
            </p:nvSpPr>
            <p:spPr>
              <a:xfrm>
                <a:off x="1973521" y="1356610"/>
                <a:ext cx="27895" cy="55427"/>
              </a:xfrm>
              <a:custGeom>
                <a:avLst/>
                <a:gdLst>
                  <a:gd name="connsiteX0" fmla="*/ 27896 w 27895"/>
                  <a:gd name="connsiteY0" fmla="*/ 4619 h 55427"/>
                  <a:gd name="connsiteX1" fmla="*/ 21299 w 27895"/>
                  <a:gd name="connsiteY1" fmla="*/ 366 h 55427"/>
                  <a:gd name="connsiteX2" fmla="*/ 6530 w 27895"/>
                  <a:gd name="connsiteY2" fmla="*/ 9232 h 55427"/>
                  <a:gd name="connsiteX3" fmla="*/ 11870 w 27895"/>
                  <a:gd name="connsiteY3" fmla="*/ 22503 h 55427"/>
                  <a:gd name="connsiteX4" fmla="*/ 331 w 27895"/>
                  <a:gd name="connsiteY4" fmla="*/ 35729 h 55427"/>
                  <a:gd name="connsiteX5" fmla="*/ 11870 w 27895"/>
                  <a:gd name="connsiteY5" fmla="*/ 54952 h 55427"/>
                  <a:gd name="connsiteX6" fmla="*/ 24787 w 27895"/>
                  <a:gd name="connsiteY6" fmla="*/ 52570 h 554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7895" h="55427">
                    <a:moveTo>
                      <a:pt x="27896" y="4619"/>
                    </a:moveTo>
                    <a:cubicBezTo>
                      <a:pt x="26285" y="2584"/>
                      <a:pt x="24016" y="1049"/>
                      <a:pt x="21299" y="366"/>
                    </a:cubicBezTo>
                    <a:cubicBezTo>
                      <a:pt x="14771" y="-1264"/>
                      <a:pt x="8161" y="2704"/>
                      <a:pt x="6530" y="9232"/>
                    </a:cubicBezTo>
                    <a:cubicBezTo>
                      <a:pt x="5222" y="14477"/>
                      <a:pt x="7529" y="19773"/>
                      <a:pt x="11870" y="22503"/>
                    </a:cubicBezTo>
                    <a:cubicBezTo>
                      <a:pt x="6379" y="23880"/>
                      <a:pt x="1709" y="28601"/>
                      <a:pt x="331" y="35729"/>
                    </a:cubicBezTo>
                    <a:cubicBezTo>
                      <a:pt x="-1331" y="44323"/>
                      <a:pt x="3377" y="52829"/>
                      <a:pt x="11870" y="54952"/>
                    </a:cubicBezTo>
                    <a:cubicBezTo>
                      <a:pt x="16502" y="56108"/>
                      <a:pt x="21160" y="55097"/>
                      <a:pt x="24787" y="52570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9" name="Freeform: Shape 38">
                <a:extLst>
                  <a:ext uri="{FF2B5EF4-FFF2-40B4-BE49-F238E27FC236}">
                    <a16:creationId xmlns:a16="http://schemas.microsoft.com/office/drawing/2014/main" id="{53F56CB6-3F46-B5F1-CD9E-5B673E2D0C1A}"/>
                  </a:ext>
                </a:extLst>
              </p:cNvPr>
              <p:cNvSpPr/>
              <p:nvPr/>
            </p:nvSpPr>
            <p:spPr>
              <a:xfrm>
                <a:off x="2007964" y="1327768"/>
                <a:ext cx="20310" cy="13365"/>
              </a:xfrm>
              <a:custGeom>
                <a:avLst/>
                <a:gdLst>
                  <a:gd name="connsiteX0" fmla="*/ 518 w 20310"/>
                  <a:gd name="connsiteY0" fmla="*/ 13365 h 13365"/>
                  <a:gd name="connsiteX1" fmla="*/ 0 w 20310"/>
                  <a:gd name="connsiteY1" fmla="*/ 10155 h 13365"/>
                  <a:gd name="connsiteX2" fmla="*/ 10155 w 20310"/>
                  <a:gd name="connsiteY2" fmla="*/ 0 h 13365"/>
                  <a:gd name="connsiteX3" fmla="*/ 20310 w 20310"/>
                  <a:gd name="connsiteY3" fmla="*/ 10155 h 133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310" h="13365">
                    <a:moveTo>
                      <a:pt x="518" y="13365"/>
                    </a:moveTo>
                    <a:cubicBezTo>
                      <a:pt x="183" y="12354"/>
                      <a:pt x="0" y="11280"/>
                      <a:pt x="0" y="10155"/>
                    </a:cubicBezTo>
                    <a:cubicBezTo>
                      <a:pt x="0" y="4544"/>
                      <a:pt x="4550" y="0"/>
                      <a:pt x="10155" y="0"/>
                    </a:cubicBezTo>
                    <a:cubicBezTo>
                      <a:pt x="15760" y="0"/>
                      <a:pt x="20310" y="4550"/>
                      <a:pt x="20310" y="10155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0" name="Freeform: Shape 39">
                <a:extLst>
                  <a:ext uri="{FF2B5EF4-FFF2-40B4-BE49-F238E27FC236}">
                    <a16:creationId xmlns:a16="http://schemas.microsoft.com/office/drawing/2014/main" id="{92A94ADF-C110-2193-5BE6-71676AC9CEAE}"/>
                  </a:ext>
                </a:extLst>
              </p:cNvPr>
              <p:cNvSpPr/>
              <p:nvPr/>
            </p:nvSpPr>
            <p:spPr>
              <a:xfrm>
                <a:off x="1986622" y="1412036"/>
                <a:ext cx="24678" cy="19129"/>
              </a:xfrm>
              <a:custGeom>
                <a:avLst/>
                <a:gdLst>
                  <a:gd name="connsiteX0" fmla="*/ 24678 w 24678"/>
                  <a:gd name="connsiteY0" fmla="*/ 9542 h 19129"/>
                  <a:gd name="connsiteX1" fmla="*/ 23130 w 24678"/>
                  <a:gd name="connsiteY1" fmla="*/ 13233 h 19129"/>
                  <a:gd name="connsiteX2" fmla="*/ 5897 w 24678"/>
                  <a:gd name="connsiteY2" fmla="*/ 17233 h 19129"/>
                  <a:gd name="connsiteX3" fmla="*/ 1897 w 24678"/>
                  <a:gd name="connsiteY3" fmla="*/ 0 h 1912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678" h="19129">
                    <a:moveTo>
                      <a:pt x="24678" y="9542"/>
                    </a:moveTo>
                    <a:cubicBezTo>
                      <a:pt x="24375" y="10812"/>
                      <a:pt x="23856" y="12057"/>
                      <a:pt x="23130" y="13233"/>
                    </a:cubicBezTo>
                    <a:cubicBezTo>
                      <a:pt x="19477" y="19097"/>
                      <a:pt x="11761" y="20892"/>
                      <a:pt x="5897" y="17233"/>
                    </a:cubicBezTo>
                    <a:cubicBezTo>
                      <a:pt x="33" y="13580"/>
                      <a:pt x="-1762" y="5864"/>
                      <a:pt x="1897" y="0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1" name="Freeform: Shape 40">
                <a:extLst>
                  <a:ext uri="{FF2B5EF4-FFF2-40B4-BE49-F238E27FC236}">
                    <a16:creationId xmlns:a16="http://schemas.microsoft.com/office/drawing/2014/main" id="{4752ED7B-EE6E-201C-65AB-E6CF460E45D9}"/>
                  </a:ext>
                </a:extLst>
              </p:cNvPr>
              <p:cNvSpPr/>
              <p:nvPr/>
            </p:nvSpPr>
            <p:spPr>
              <a:xfrm>
                <a:off x="1991180" y="1377046"/>
                <a:ext cx="9145" cy="15716"/>
              </a:xfrm>
              <a:custGeom>
                <a:avLst/>
                <a:gdLst>
                  <a:gd name="connsiteX0" fmla="*/ 6578 w 9145"/>
                  <a:gd name="connsiteY0" fmla="*/ 0 h 15716"/>
                  <a:gd name="connsiteX1" fmla="*/ 9144 w 9145"/>
                  <a:gd name="connsiteY1" fmla="*/ 6256 h 15716"/>
                  <a:gd name="connsiteX2" fmla="*/ 0 w 9145"/>
                  <a:gd name="connsiteY2" fmla="*/ 15716 h 1571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9145" h="15716">
                    <a:moveTo>
                      <a:pt x="6578" y="0"/>
                    </a:moveTo>
                    <a:cubicBezTo>
                      <a:pt x="8133" y="1630"/>
                      <a:pt x="9100" y="3829"/>
                      <a:pt x="9144" y="6256"/>
                    </a:cubicBezTo>
                    <a:cubicBezTo>
                      <a:pt x="9233" y="11394"/>
                      <a:pt x="5138" y="15628"/>
                      <a:pt x="0" y="15716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2" name="Freeform: Shape 41">
                <a:extLst>
                  <a:ext uri="{FF2B5EF4-FFF2-40B4-BE49-F238E27FC236}">
                    <a16:creationId xmlns:a16="http://schemas.microsoft.com/office/drawing/2014/main" id="{DFCD06DE-EE45-018E-17AA-F3B7082E616E}"/>
                  </a:ext>
                </a:extLst>
              </p:cNvPr>
              <p:cNvSpPr/>
              <p:nvPr/>
            </p:nvSpPr>
            <p:spPr>
              <a:xfrm>
                <a:off x="2001682" y="1431177"/>
                <a:ext cx="26522" cy="9052"/>
              </a:xfrm>
              <a:custGeom>
                <a:avLst/>
                <a:gdLst>
                  <a:gd name="connsiteX0" fmla="*/ 26522 w 26522"/>
                  <a:gd name="connsiteY0" fmla="*/ 986 h 9052"/>
                  <a:gd name="connsiteX1" fmla="*/ 23805 w 26522"/>
                  <a:gd name="connsiteY1" fmla="*/ 4765 h 9052"/>
                  <a:gd name="connsiteX2" fmla="*/ 3210 w 26522"/>
                  <a:gd name="connsiteY2" fmla="*/ 4809 h 9052"/>
                  <a:gd name="connsiteX3" fmla="*/ 0 w 26522"/>
                  <a:gd name="connsiteY3" fmla="*/ 0 h 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6522" h="9052">
                    <a:moveTo>
                      <a:pt x="26522" y="986"/>
                    </a:moveTo>
                    <a:cubicBezTo>
                      <a:pt x="25839" y="2351"/>
                      <a:pt x="24936" y="3627"/>
                      <a:pt x="23805" y="4765"/>
                    </a:cubicBezTo>
                    <a:cubicBezTo>
                      <a:pt x="18130" y="10465"/>
                      <a:pt x="8904" y="10484"/>
                      <a:pt x="3210" y="4809"/>
                    </a:cubicBezTo>
                    <a:cubicBezTo>
                      <a:pt x="1788" y="3387"/>
                      <a:pt x="714" y="1750"/>
                      <a:pt x="0" y="0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3" name="Freeform: Shape 42">
                <a:extLst>
                  <a:ext uri="{FF2B5EF4-FFF2-40B4-BE49-F238E27FC236}">
                    <a16:creationId xmlns:a16="http://schemas.microsoft.com/office/drawing/2014/main" id="{08477647-CF1A-33A9-7F74-F1957627CB43}"/>
                  </a:ext>
                </a:extLst>
              </p:cNvPr>
              <p:cNvSpPr/>
              <p:nvPr/>
            </p:nvSpPr>
            <p:spPr>
              <a:xfrm>
                <a:off x="2028280" y="1337930"/>
                <a:ext cx="631" cy="9118"/>
              </a:xfrm>
              <a:custGeom>
                <a:avLst/>
                <a:gdLst>
                  <a:gd name="connsiteX0" fmla="*/ 0 w 631"/>
                  <a:gd name="connsiteY0" fmla="*/ 0 h 9118"/>
                  <a:gd name="connsiteX1" fmla="*/ 0 w 631"/>
                  <a:gd name="connsiteY1" fmla="*/ 9119 h 911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631" h="9118">
                    <a:moveTo>
                      <a:pt x="0" y="0"/>
                    </a:moveTo>
                    <a:lnTo>
                      <a:pt x="0" y="9119"/>
                    </a:lnTo>
                  </a:path>
                </a:pathLst>
              </a:custGeom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4" name="Freeform: Shape 43">
                <a:extLst>
                  <a:ext uri="{FF2B5EF4-FFF2-40B4-BE49-F238E27FC236}">
                    <a16:creationId xmlns:a16="http://schemas.microsoft.com/office/drawing/2014/main" id="{F11D0972-947A-C513-1906-9DC75F7B9149}"/>
                  </a:ext>
                </a:extLst>
              </p:cNvPr>
              <p:cNvSpPr/>
              <p:nvPr/>
            </p:nvSpPr>
            <p:spPr>
              <a:xfrm>
                <a:off x="2009474" y="1402389"/>
                <a:ext cx="9023" cy="9703"/>
              </a:xfrm>
              <a:custGeom>
                <a:avLst/>
                <a:gdLst>
                  <a:gd name="connsiteX0" fmla="*/ 0 w 9023"/>
                  <a:gd name="connsiteY0" fmla="*/ 29 h 9703"/>
                  <a:gd name="connsiteX1" fmla="*/ 8961 w 9023"/>
                  <a:gd name="connsiteY1" fmla="*/ 9704 h 970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9023" h="9703">
                    <a:moveTo>
                      <a:pt x="0" y="29"/>
                    </a:moveTo>
                    <a:cubicBezTo>
                      <a:pt x="5681" y="-401"/>
                      <a:pt x="9567" y="4041"/>
                      <a:pt x="8961" y="9704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5" name="Freeform: Shape 44">
                <a:extLst>
                  <a:ext uri="{FF2B5EF4-FFF2-40B4-BE49-F238E27FC236}">
                    <a16:creationId xmlns:a16="http://schemas.microsoft.com/office/drawing/2014/main" id="{8F94C461-AC20-BF73-9F16-4B35CEAC095D}"/>
                  </a:ext>
                </a:extLst>
              </p:cNvPr>
              <p:cNvSpPr/>
              <p:nvPr/>
            </p:nvSpPr>
            <p:spPr>
              <a:xfrm>
                <a:off x="2011275" y="1350587"/>
                <a:ext cx="6850" cy="5358"/>
              </a:xfrm>
              <a:custGeom>
                <a:avLst/>
                <a:gdLst>
                  <a:gd name="connsiteX0" fmla="*/ 6850 w 6850"/>
                  <a:gd name="connsiteY0" fmla="*/ 0 h 5358"/>
                  <a:gd name="connsiteX1" fmla="*/ 0 w 6850"/>
                  <a:gd name="connsiteY1" fmla="*/ 5213 h 535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6850" h="5358">
                    <a:moveTo>
                      <a:pt x="6850" y="0"/>
                    </a:moveTo>
                    <a:cubicBezTo>
                      <a:pt x="6774" y="3722"/>
                      <a:pt x="3640" y="5965"/>
                      <a:pt x="0" y="5213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6" name="Freeform: Shape 45">
                <a:extLst>
                  <a:ext uri="{FF2B5EF4-FFF2-40B4-BE49-F238E27FC236}">
                    <a16:creationId xmlns:a16="http://schemas.microsoft.com/office/drawing/2014/main" id="{57A41FB2-B33A-1EA1-6511-347854420EF3}"/>
                  </a:ext>
                </a:extLst>
              </p:cNvPr>
              <p:cNvSpPr/>
              <p:nvPr/>
            </p:nvSpPr>
            <p:spPr>
              <a:xfrm>
                <a:off x="2010965" y="1374714"/>
                <a:ext cx="5334" cy="9719"/>
              </a:xfrm>
              <a:custGeom>
                <a:avLst/>
                <a:gdLst>
                  <a:gd name="connsiteX0" fmla="*/ 4841 w 5334"/>
                  <a:gd name="connsiteY0" fmla="*/ 9719 h 9719"/>
                  <a:gd name="connsiteX1" fmla="*/ 0 w 5334"/>
                  <a:gd name="connsiteY1" fmla="*/ 0 h 9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5334" h="9719">
                    <a:moveTo>
                      <a:pt x="4841" y="9719"/>
                    </a:moveTo>
                    <a:cubicBezTo>
                      <a:pt x="6300" y="5687"/>
                      <a:pt x="4474" y="847"/>
                      <a:pt x="0" y="0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7" name="Freeform: Shape 46">
                <a:extLst>
                  <a:ext uri="{FF2B5EF4-FFF2-40B4-BE49-F238E27FC236}">
                    <a16:creationId xmlns:a16="http://schemas.microsoft.com/office/drawing/2014/main" id="{6CB9F7BD-3222-9EE4-1EAB-33F1B409E97B}"/>
                  </a:ext>
                </a:extLst>
              </p:cNvPr>
              <p:cNvSpPr/>
              <p:nvPr/>
            </p:nvSpPr>
            <p:spPr>
              <a:xfrm>
                <a:off x="2049273" y="1334454"/>
                <a:ext cx="19532" cy="22161"/>
              </a:xfrm>
              <a:custGeom>
                <a:avLst/>
                <a:gdLst>
                  <a:gd name="connsiteX0" fmla="*/ 17378 w 19532"/>
                  <a:gd name="connsiteY0" fmla="*/ 22162 h 22161"/>
                  <a:gd name="connsiteX1" fmla="*/ 19533 w 19532"/>
                  <a:gd name="connsiteY1" fmla="*/ 14541 h 22161"/>
                  <a:gd name="connsiteX2" fmla="*/ 4992 w 19532"/>
                  <a:gd name="connsiteY2" fmla="*/ 0 h 22161"/>
                  <a:gd name="connsiteX3" fmla="*/ 0 w 19532"/>
                  <a:gd name="connsiteY3" fmla="*/ 878 h 2216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532" h="22161">
                    <a:moveTo>
                      <a:pt x="17378" y="22162"/>
                    </a:moveTo>
                    <a:cubicBezTo>
                      <a:pt x="18743" y="19944"/>
                      <a:pt x="19533" y="17334"/>
                      <a:pt x="19533" y="14541"/>
                    </a:cubicBezTo>
                    <a:cubicBezTo>
                      <a:pt x="19533" y="6509"/>
                      <a:pt x="13024" y="0"/>
                      <a:pt x="4992" y="0"/>
                    </a:cubicBezTo>
                    <a:cubicBezTo>
                      <a:pt x="3236" y="0"/>
                      <a:pt x="1555" y="310"/>
                      <a:pt x="0" y="878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8" name="Freeform: Shape 47">
                <a:extLst>
                  <a:ext uri="{FF2B5EF4-FFF2-40B4-BE49-F238E27FC236}">
                    <a16:creationId xmlns:a16="http://schemas.microsoft.com/office/drawing/2014/main" id="{DF72B650-B013-5302-70AE-DEF7B2BE3EA5}"/>
                  </a:ext>
                </a:extLst>
              </p:cNvPr>
              <p:cNvSpPr/>
              <p:nvPr/>
            </p:nvSpPr>
            <p:spPr>
              <a:xfrm>
                <a:off x="2055143" y="1356610"/>
                <a:ext cx="27958" cy="55427"/>
              </a:xfrm>
              <a:custGeom>
                <a:avLst/>
                <a:gdLst>
                  <a:gd name="connsiteX0" fmla="*/ 0 w 27958"/>
                  <a:gd name="connsiteY0" fmla="*/ 4619 h 55427"/>
                  <a:gd name="connsiteX1" fmla="*/ 6597 w 27958"/>
                  <a:gd name="connsiteY1" fmla="*/ 366 h 55427"/>
                  <a:gd name="connsiteX2" fmla="*/ 21366 w 27958"/>
                  <a:gd name="connsiteY2" fmla="*/ 9232 h 55427"/>
                  <a:gd name="connsiteX3" fmla="*/ 16026 w 27958"/>
                  <a:gd name="connsiteY3" fmla="*/ 22503 h 55427"/>
                  <a:gd name="connsiteX4" fmla="*/ 27565 w 27958"/>
                  <a:gd name="connsiteY4" fmla="*/ 35729 h 55427"/>
                  <a:gd name="connsiteX5" fmla="*/ 16026 w 27958"/>
                  <a:gd name="connsiteY5" fmla="*/ 54952 h 55427"/>
                  <a:gd name="connsiteX6" fmla="*/ 3109 w 27958"/>
                  <a:gd name="connsiteY6" fmla="*/ 52570 h 554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7958" h="55427">
                    <a:moveTo>
                      <a:pt x="0" y="4619"/>
                    </a:moveTo>
                    <a:cubicBezTo>
                      <a:pt x="1611" y="2584"/>
                      <a:pt x="3880" y="1049"/>
                      <a:pt x="6597" y="366"/>
                    </a:cubicBezTo>
                    <a:cubicBezTo>
                      <a:pt x="13125" y="-1264"/>
                      <a:pt x="19735" y="2704"/>
                      <a:pt x="21366" y="9232"/>
                    </a:cubicBezTo>
                    <a:cubicBezTo>
                      <a:pt x="22674" y="14477"/>
                      <a:pt x="20367" y="19773"/>
                      <a:pt x="16026" y="22503"/>
                    </a:cubicBezTo>
                    <a:cubicBezTo>
                      <a:pt x="21517" y="23880"/>
                      <a:pt x="26048" y="28778"/>
                      <a:pt x="27565" y="35729"/>
                    </a:cubicBezTo>
                    <a:cubicBezTo>
                      <a:pt x="29429" y="44285"/>
                      <a:pt x="24519" y="52829"/>
                      <a:pt x="16026" y="54952"/>
                    </a:cubicBezTo>
                    <a:cubicBezTo>
                      <a:pt x="11394" y="56108"/>
                      <a:pt x="6736" y="55097"/>
                      <a:pt x="3109" y="52570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9" name="Freeform: Shape 48">
                <a:extLst>
                  <a:ext uri="{FF2B5EF4-FFF2-40B4-BE49-F238E27FC236}">
                    <a16:creationId xmlns:a16="http://schemas.microsoft.com/office/drawing/2014/main" id="{C678C98B-E94D-C316-DD45-691A863DE597}"/>
                  </a:ext>
                </a:extLst>
              </p:cNvPr>
              <p:cNvSpPr/>
              <p:nvPr/>
            </p:nvSpPr>
            <p:spPr>
              <a:xfrm>
                <a:off x="2028287" y="1327768"/>
                <a:ext cx="20310" cy="13365"/>
              </a:xfrm>
              <a:custGeom>
                <a:avLst/>
                <a:gdLst>
                  <a:gd name="connsiteX0" fmla="*/ 19792 w 20310"/>
                  <a:gd name="connsiteY0" fmla="*/ 13365 h 13365"/>
                  <a:gd name="connsiteX1" fmla="*/ 20310 w 20310"/>
                  <a:gd name="connsiteY1" fmla="*/ 10155 h 13365"/>
                  <a:gd name="connsiteX2" fmla="*/ 10155 w 20310"/>
                  <a:gd name="connsiteY2" fmla="*/ 0 h 13365"/>
                  <a:gd name="connsiteX3" fmla="*/ 0 w 20310"/>
                  <a:gd name="connsiteY3" fmla="*/ 10155 h 133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310" h="13365">
                    <a:moveTo>
                      <a:pt x="19792" y="13365"/>
                    </a:moveTo>
                    <a:cubicBezTo>
                      <a:pt x="20127" y="12354"/>
                      <a:pt x="20310" y="11280"/>
                      <a:pt x="20310" y="10155"/>
                    </a:cubicBezTo>
                    <a:cubicBezTo>
                      <a:pt x="20310" y="4544"/>
                      <a:pt x="15760" y="0"/>
                      <a:pt x="10155" y="0"/>
                    </a:cubicBezTo>
                    <a:cubicBezTo>
                      <a:pt x="4550" y="0"/>
                      <a:pt x="0" y="4550"/>
                      <a:pt x="0" y="10155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50" name="Freeform: Shape 49">
                <a:extLst>
                  <a:ext uri="{FF2B5EF4-FFF2-40B4-BE49-F238E27FC236}">
                    <a16:creationId xmlns:a16="http://schemas.microsoft.com/office/drawing/2014/main" id="{CD1B1206-D378-6094-AB0F-945C3034AF3A}"/>
                  </a:ext>
                </a:extLst>
              </p:cNvPr>
              <p:cNvSpPr/>
              <p:nvPr/>
            </p:nvSpPr>
            <p:spPr>
              <a:xfrm>
                <a:off x="2045260" y="1412036"/>
                <a:ext cx="24677" cy="19129"/>
              </a:xfrm>
              <a:custGeom>
                <a:avLst/>
                <a:gdLst>
                  <a:gd name="connsiteX0" fmla="*/ 0 w 24677"/>
                  <a:gd name="connsiteY0" fmla="*/ 9542 h 19129"/>
                  <a:gd name="connsiteX1" fmla="*/ 1548 w 24677"/>
                  <a:gd name="connsiteY1" fmla="*/ 13233 h 19129"/>
                  <a:gd name="connsiteX2" fmla="*/ 18781 w 24677"/>
                  <a:gd name="connsiteY2" fmla="*/ 17233 h 19129"/>
                  <a:gd name="connsiteX3" fmla="*/ 22781 w 24677"/>
                  <a:gd name="connsiteY3" fmla="*/ 0 h 1912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677" h="19129">
                    <a:moveTo>
                      <a:pt x="0" y="9542"/>
                    </a:moveTo>
                    <a:cubicBezTo>
                      <a:pt x="303" y="10812"/>
                      <a:pt x="822" y="12057"/>
                      <a:pt x="1548" y="13233"/>
                    </a:cubicBezTo>
                    <a:cubicBezTo>
                      <a:pt x="5201" y="19097"/>
                      <a:pt x="12917" y="20892"/>
                      <a:pt x="18781" y="17233"/>
                    </a:cubicBezTo>
                    <a:cubicBezTo>
                      <a:pt x="24645" y="13580"/>
                      <a:pt x="26440" y="5864"/>
                      <a:pt x="22781" y="0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51" name="Freeform: Shape 50">
                <a:extLst>
                  <a:ext uri="{FF2B5EF4-FFF2-40B4-BE49-F238E27FC236}">
                    <a16:creationId xmlns:a16="http://schemas.microsoft.com/office/drawing/2014/main" id="{6E5BF821-0382-EAE7-EFA8-A09F963486E5}"/>
                  </a:ext>
                </a:extLst>
              </p:cNvPr>
              <p:cNvSpPr/>
              <p:nvPr/>
            </p:nvSpPr>
            <p:spPr>
              <a:xfrm>
                <a:off x="2056229" y="1377046"/>
                <a:ext cx="9145" cy="15716"/>
              </a:xfrm>
              <a:custGeom>
                <a:avLst/>
                <a:gdLst>
                  <a:gd name="connsiteX0" fmla="*/ 2567 w 9145"/>
                  <a:gd name="connsiteY0" fmla="*/ 0 h 15716"/>
                  <a:gd name="connsiteX1" fmla="*/ 1 w 9145"/>
                  <a:gd name="connsiteY1" fmla="*/ 6256 h 15716"/>
                  <a:gd name="connsiteX2" fmla="*/ 9146 w 9145"/>
                  <a:gd name="connsiteY2" fmla="*/ 15716 h 1571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9145" h="15716">
                    <a:moveTo>
                      <a:pt x="2567" y="0"/>
                    </a:moveTo>
                    <a:cubicBezTo>
                      <a:pt x="1013" y="1630"/>
                      <a:pt x="46" y="3829"/>
                      <a:pt x="1" y="6256"/>
                    </a:cubicBezTo>
                    <a:cubicBezTo>
                      <a:pt x="-87" y="11394"/>
                      <a:pt x="4008" y="15628"/>
                      <a:pt x="9146" y="15716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52" name="Freeform: Shape 51">
                <a:extLst>
                  <a:ext uri="{FF2B5EF4-FFF2-40B4-BE49-F238E27FC236}">
                    <a16:creationId xmlns:a16="http://schemas.microsoft.com/office/drawing/2014/main" id="{131ECED9-7A6A-32A3-15C7-A8F362CA9AE4}"/>
                  </a:ext>
                </a:extLst>
              </p:cNvPr>
              <p:cNvSpPr/>
              <p:nvPr/>
            </p:nvSpPr>
            <p:spPr>
              <a:xfrm>
                <a:off x="2028356" y="1431177"/>
                <a:ext cx="26522" cy="9052"/>
              </a:xfrm>
              <a:custGeom>
                <a:avLst/>
                <a:gdLst>
                  <a:gd name="connsiteX0" fmla="*/ 0 w 26522"/>
                  <a:gd name="connsiteY0" fmla="*/ 986 h 9052"/>
                  <a:gd name="connsiteX1" fmla="*/ 2717 w 26522"/>
                  <a:gd name="connsiteY1" fmla="*/ 4765 h 9052"/>
                  <a:gd name="connsiteX2" fmla="*/ 23312 w 26522"/>
                  <a:gd name="connsiteY2" fmla="*/ 4809 h 9052"/>
                  <a:gd name="connsiteX3" fmla="*/ 26522 w 26522"/>
                  <a:gd name="connsiteY3" fmla="*/ 0 h 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6522" h="9052">
                    <a:moveTo>
                      <a:pt x="0" y="986"/>
                    </a:moveTo>
                    <a:cubicBezTo>
                      <a:pt x="683" y="2351"/>
                      <a:pt x="1586" y="3627"/>
                      <a:pt x="2717" y="4765"/>
                    </a:cubicBezTo>
                    <a:cubicBezTo>
                      <a:pt x="8392" y="10465"/>
                      <a:pt x="17618" y="10484"/>
                      <a:pt x="23312" y="4809"/>
                    </a:cubicBezTo>
                    <a:cubicBezTo>
                      <a:pt x="24734" y="3387"/>
                      <a:pt x="25808" y="1750"/>
                      <a:pt x="26522" y="0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53" name="Freeform: Shape 52">
                <a:extLst>
                  <a:ext uri="{FF2B5EF4-FFF2-40B4-BE49-F238E27FC236}">
                    <a16:creationId xmlns:a16="http://schemas.microsoft.com/office/drawing/2014/main" id="{D26D14E7-A868-CD97-A085-505AD7781A51}"/>
                  </a:ext>
                </a:extLst>
              </p:cNvPr>
              <p:cNvSpPr/>
              <p:nvPr/>
            </p:nvSpPr>
            <p:spPr>
              <a:xfrm>
                <a:off x="2038063" y="1402389"/>
                <a:ext cx="9022" cy="9703"/>
              </a:xfrm>
              <a:custGeom>
                <a:avLst/>
                <a:gdLst>
                  <a:gd name="connsiteX0" fmla="*/ 9023 w 9022"/>
                  <a:gd name="connsiteY0" fmla="*/ 29 h 9703"/>
                  <a:gd name="connsiteX1" fmla="*/ 62 w 9022"/>
                  <a:gd name="connsiteY1" fmla="*/ 9704 h 970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9022" h="9703">
                    <a:moveTo>
                      <a:pt x="9023" y="29"/>
                    </a:moveTo>
                    <a:cubicBezTo>
                      <a:pt x="3342" y="-401"/>
                      <a:pt x="-544" y="4041"/>
                      <a:pt x="62" y="9704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54" name="Freeform: Shape 53">
                <a:extLst>
                  <a:ext uri="{FF2B5EF4-FFF2-40B4-BE49-F238E27FC236}">
                    <a16:creationId xmlns:a16="http://schemas.microsoft.com/office/drawing/2014/main" id="{24CE4AAB-E349-20E0-D864-56D02C5C8828}"/>
                  </a:ext>
                </a:extLst>
              </p:cNvPr>
              <p:cNvSpPr/>
              <p:nvPr/>
            </p:nvSpPr>
            <p:spPr>
              <a:xfrm>
                <a:off x="2038435" y="1350587"/>
                <a:ext cx="6850" cy="5358"/>
              </a:xfrm>
              <a:custGeom>
                <a:avLst/>
                <a:gdLst>
                  <a:gd name="connsiteX0" fmla="*/ 0 w 6850"/>
                  <a:gd name="connsiteY0" fmla="*/ 0 h 5358"/>
                  <a:gd name="connsiteX1" fmla="*/ 6850 w 6850"/>
                  <a:gd name="connsiteY1" fmla="*/ 5213 h 535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6850" h="5358">
                    <a:moveTo>
                      <a:pt x="0" y="0"/>
                    </a:moveTo>
                    <a:cubicBezTo>
                      <a:pt x="76" y="3722"/>
                      <a:pt x="3210" y="5965"/>
                      <a:pt x="6850" y="5213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55" name="Freeform: Shape 54">
                <a:extLst>
                  <a:ext uri="{FF2B5EF4-FFF2-40B4-BE49-F238E27FC236}">
                    <a16:creationId xmlns:a16="http://schemas.microsoft.com/office/drawing/2014/main" id="{CDAFC93B-C5F2-B983-9C9E-78CBE23ADEE6}"/>
                  </a:ext>
                </a:extLst>
              </p:cNvPr>
              <p:cNvSpPr/>
              <p:nvPr/>
            </p:nvSpPr>
            <p:spPr>
              <a:xfrm>
                <a:off x="2040261" y="1374714"/>
                <a:ext cx="5334" cy="9719"/>
              </a:xfrm>
              <a:custGeom>
                <a:avLst/>
                <a:gdLst>
                  <a:gd name="connsiteX0" fmla="*/ 494 w 5334"/>
                  <a:gd name="connsiteY0" fmla="*/ 9719 h 9719"/>
                  <a:gd name="connsiteX1" fmla="*/ 5334 w 5334"/>
                  <a:gd name="connsiteY1" fmla="*/ 0 h 9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5334" h="9719">
                    <a:moveTo>
                      <a:pt x="494" y="9719"/>
                    </a:moveTo>
                    <a:cubicBezTo>
                      <a:pt x="-966" y="5687"/>
                      <a:pt x="860" y="847"/>
                      <a:pt x="5334" y="0"/>
                    </a:cubicBezTo>
                  </a:path>
                </a:pathLst>
              </a:custGeom>
              <a:noFill/>
              <a:ln w="28575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</p:grp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A94FFA2E-C2EF-B422-FC1B-92268DF22C28}"/>
                </a:ext>
              </a:extLst>
            </p:cNvPr>
            <p:cNvSpPr/>
            <p:nvPr/>
          </p:nvSpPr>
          <p:spPr>
            <a:xfrm>
              <a:off x="2065261" y="1297385"/>
              <a:ext cx="25214" cy="15381"/>
            </a:xfrm>
            <a:custGeom>
              <a:avLst/>
              <a:gdLst>
                <a:gd name="connsiteX0" fmla="*/ 0 w 25214"/>
                <a:gd name="connsiteY0" fmla="*/ 15381 h 15381"/>
                <a:gd name="connsiteX1" fmla="*/ 7608 w 25214"/>
                <a:gd name="connsiteY1" fmla="*/ 6654 h 15381"/>
                <a:gd name="connsiteX2" fmla="*/ 13479 w 25214"/>
                <a:gd name="connsiteY2" fmla="*/ 13473 h 15381"/>
                <a:gd name="connsiteX3" fmla="*/ 25214 w 25214"/>
                <a:gd name="connsiteY3" fmla="*/ 0 h 1538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214" h="15381">
                  <a:moveTo>
                    <a:pt x="0" y="15381"/>
                  </a:moveTo>
                  <a:lnTo>
                    <a:pt x="7608" y="6654"/>
                  </a:lnTo>
                  <a:lnTo>
                    <a:pt x="13479" y="13473"/>
                  </a:lnTo>
                  <a:lnTo>
                    <a:pt x="25214" y="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46C46C13-758C-78CC-9D61-C20517452237}"/>
                </a:ext>
              </a:extLst>
            </p:cNvPr>
            <p:cNvSpPr/>
            <p:nvPr/>
          </p:nvSpPr>
          <p:spPr>
            <a:xfrm>
              <a:off x="2081647" y="1338258"/>
              <a:ext cx="29030" cy="8461"/>
            </a:xfrm>
            <a:custGeom>
              <a:avLst/>
              <a:gdLst>
                <a:gd name="connsiteX0" fmla="*/ 0 w 29030"/>
                <a:gd name="connsiteY0" fmla="*/ 5454 h 8461"/>
                <a:gd name="connsiteX1" fmla="*/ 10212 w 29030"/>
                <a:gd name="connsiteY1" fmla="*/ 0 h 8461"/>
                <a:gd name="connsiteX2" fmla="*/ 13270 w 29030"/>
                <a:gd name="connsiteY2" fmla="*/ 8462 h 8461"/>
                <a:gd name="connsiteX3" fmla="*/ 29031 w 29030"/>
                <a:gd name="connsiteY3" fmla="*/ 25 h 846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9030" h="8461">
                  <a:moveTo>
                    <a:pt x="0" y="5454"/>
                  </a:moveTo>
                  <a:lnTo>
                    <a:pt x="10212" y="0"/>
                  </a:lnTo>
                  <a:lnTo>
                    <a:pt x="13270" y="8462"/>
                  </a:lnTo>
                  <a:lnTo>
                    <a:pt x="29031" y="25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E5679871-65BF-0020-89AF-2B3C68C31F78}"/>
                </a:ext>
              </a:extLst>
            </p:cNvPr>
            <p:cNvSpPr/>
            <p:nvPr/>
          </p:nvSpPr>
          <p:spPr>
            <a:xfrm>
              <a:off x="2085147" y="1431177"/>
              <a:ext cx="25529" cy="14850"/>
            </a:xfrm>
            <a:custGeom>
              <a:avLst/>
              <a:gdLst>
                <a:gd name="connsiteX0" fmla="*/ 0 w 25529"/>
                <a:gd name="connsiteY0" fmla="*/ 0 h 14850"/>
                <a:gd name="connsiteX1" fmla="*/ 11293 w 25529"/>
                <a:gd name="connsiteY1" fmla="*/ 2540 h 14850"/>
                <a:gd name="connsiteX2" fmla="*/ 8089 w 25529"/>
                <a:gd name="connsiteY2" fmla="*/ 10945 h 14850"/>
                <a:gd name="connsiteX3" fmla="*/ 25530 w 25529"/>
                <a:gd name="connsiteY3" fmla="*/ 14850 h 148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529" h="14850">
                  <a:moveTo>
                    <a:pt x="0" y="0"/>
                  </a:moveTo>
                  <a:lnTo>
                    <a:pt x="11293" y="2540"/>
                  </a:lnTo>
                  <a:lnTo>
                    <a:pt x="8089" y="10945"/>
                  </a:lnTo>
                  <a:lnTo>
                    <a:pt x="25530" y="1485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EE0FB2D4-01A8-4EB1-EE7F-98AC98346377}"/>
                </a:ext>
              </a:extLst>
            </p:cNvPr>
            <p:cNvSpPr/>
            <p:nvPr/>
          </p:nvSpPr>
          <p:spPr>
            <a:xfrm>
              <a:off x="1966149" y="1297385"/>
              <a:ext cx="25213" cy="15381"/>
            </a:xfrm>
            <a:custGeom>
              <a:avLst/>
              <a:gdLst>
                <a:gd name="connsiteX0" fmla="*/ 25214 w 25213"/>
                <a:gd name="connsiteY0" fmla="*/ 15381 h 15381"/>
                <a:gd name="connsiteX1" fmla="*/ 17605 w 25213"/>
                <a:gd name="connsiteY1" fmla="*/ 6654 h 15381"/>
                <a:gd name="connsiteX2" fmla="*/ 11735 w 25213"/>
                <a:gd name="connsiteY2" fmla="*/ 13473 h 15381"/>
                <a:gd name="connsiteX3" fmla="*/ 0 w 25213"/>
                <a:gd name="connsiteY3" fmla="*/ 0 h 1538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213" h="15381">
                  <a:moveTo>
                    <a:pt x="25214" y="15381"/>
                  </a:moveTo>
                  <a:lnTo>
                    <a:pt x="17605" y="6654"/>
                  </a:lnTo>
                  <a:lnTo>
                    <a:pt x="11735" y="13473"/>
                  </a:lnTo>
                  <a:lnTo>
                    <a:pt x="0" y="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81455639-A63A-A5A9-B13A-ACFA56205E59}"/>
                </a:ext>
              </a:extLst>
            </p:cNvPr>
            <p:cNvSpPr/>
            <p:nvPr/>
          </p:nvSpPr>
          <p:spPr>
            <a:xfrm>
              <a:off x="1945946" y="1338258"/>
              <a:ext cx="29030" cy="8461"/>
            </a:xfrm>
            <a:custGeom>
              <a:avLst/>
              <a:gdLst>
                <a:gd name="connsiteX0" fmla="*/ 29031 w 29030"/>
                <a:gd name="connsiteY0" fmla="*/ 5454 h 8461"/>
                <a:gd name="connsiteX1" fmla="*/ 18819 w 29030"/>
                <a:gd name="connsiteY1" fmla="*/ 0 h 8461"/>
                <a:gd name="connsiteX2" fmla="*/ 15754 w 29030"/>
                <a:gd name="connsiteY2" fmla="*/ 8462 h 8461"/>
                <a:gd name="connsiteX3" fmla="*/ 0 w 29030"/>
                <a:gd name="connsiteY3" fmla="*/ 25 h 846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9030" h="8461">
                  <a:moveTo>
                    <a:pt x="29031" y="5454"/>
                  </a:moveTo>
                  <a:lnTo>
                    <a:pt x="18819" y="0"/>
                  </a:lnTo>
                  <a:lnTo>
                    <a:pt x="15754" y="8462"/>
                  </a:lnTo>
                  <a:lnTo>
                    <a:pt x="0" y="25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56C41951-971B-BA84-3376-2A19B99C8326}"/>
                </a:ext>
              </a:extLst>
            </p:cNvPr>
            <p:cNvSpPr/>
            <p:nvPr/>
          </p:nvSpPr>
          <p:spPr>
            <a:xfrm>
              <a:off x="1945946" y="1431177"/>
              <a:ext cx="25529" cy="14850"/>
            </a:xfrm>
            <a:custGeom>
              <a:avLst/>
              <a:gdLst>
                <a:gd name="connsiteX0" fmla="*/ 25530 w 25529"/>
                <a:gd name="connsiteY0" fmla="*/ 0 h 14850"/>
                <a:gd name="connsiteX1" fmla="*/ 14237 w 25529"/>
                <a:gd name="connsiteY1" fmla="*/ 2540 h 14850"/>
                <a:gd name="connsiteX2" fmla="*/ 17441 w 25529"/>
                <a:gd name="connsiteY2" fmla="*/ 10945 h 14850"/>
                <a:gd name="connsiteX3" fmla="*/ 0 w 25529"/>
                <a:gd name="connsiteY3" fmla="*/ 14850 h 148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529" h="14850">
                  <a:moveTo>
                    <a:pt x="25530" y="0"/>
                  </a:moveTo>
                  <a:lnTo>
                    <a:pt x="14237" y="2540"/>
                  </a:lnTo>
                  <a:lnTo>
                    <a:pt x="17441" y="10945"/>
                  </a:lnTo>
                  <a:lnTo>
                    <a:pt x="0" y="1485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56" name="Graphic 2">
            <a:extLst>
              <a:ext uri="{FF2B5EF4-FFF2-40B4-BE49-F238E27FC236}">
                <a16:creationId xmlns:a16="http://schemas.microsoft.com/office/drawing/2014/main" id="{FEF7AF2F-B3D5-D600-E807-67D10B132D04}"/>
              </a:ext>
            </a:extLst>
          </p:cNvPr>
          <p:cNvGrpSpPr>
            <a:grpSpLocks noChangeAspect="1"/>
          </p:cNvGrpSpPr>
          <p:nvPr/>
        </p:nvGrpSpPr>
        <p:grpSpPr>
          <a:xfrm>
            <a:off x="9470248" y="2129260"/>
            <a:ext cx="848227" cy="864810"/>
            <a:chOff x="6497152" y="345632"/>
            <a:chExt cx="1818594" cy="1854149"/>
          </a:xfrm>
          <a:noFill/>
        </p:grpSpPr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D743B966-E258-7712-8308-2A58B35D314D}"/>
                </a:ext>
              </a:extLst>
            </p:cNvPr>
            <p:cNvSpPr/>
            <p:nvPr/>
          </p:nvSpPr>
          <p:spPr>
            <a:xfrm>
              <a:off x="6497152" y="1470066"/>
              <a:ext cx="717771" cy="539439"/>
            </a:xfrm>
            <a:custGeom>
              <a:avLst/>
              <a:gdLst>
                <a:gd name="connsiteX0" fmla="*/ 717771 w 717771"/>
                <a:gd name="connsiteY0" fmla="*/ 86666 h 539439"/>
                <a:gd name="connsiteX1" fmla="*/ 408885 w 717771"/>
                <a:gd name="connsiteY1" fmla="*/ 0 h 539439"/>
                <a:gd name="connsiteX2" fmla="*/ 0 w 717771"/>
                <a:gd name="connsiteY2" fmla="*/ 280553 h 539439"/>
                <a:gd name="connsiteX3" fmla="*/ 0 w 717771"/>
                <a:gd name="connsiteY3" fmla="*/ 539439 h 5394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7771" h="539439">
                  <a:moveTo>
                    <a:pt x="717771" y="86666"/>
                  </a:moveTo>
                  <a:cubicBezTo>
                    <a:pt x="717771" y="86666"/>
                    <a:pt x="669160" y="0"/>
                    <a:pt x="408885" y="0"/>
                  </a:cubicBezTo>
                  <a:cubicBezTo>
                    <a:pt x="106666" y="0"/>
                    <a:pt x="0" y="141943"/>
                    <a:pt x="0" y="280553"/>
                  </a:cubicBezTo>
                  <a:lnTo>
                    <a:pt x="0" y="539439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85059746-5F23-4C6D-4806-062BCA96CCC9}"/>
                </a:ext>
              </a:extLst>
            </p:cNvPr>
            <p:cNvSpPr/>
            <p:nvPr/>
          </p:nvSpPr>
          <p:spPr>
            <a:xfrm>
              <a:off x="6646596" y="843128"/>
              <a:ext cx="518883" cy="518884"/>
            </a:xfrm>
            <a:custGeom>
              <a:avLst/>
              <a:gdLst>
                <a:gd name="connsiteX0" fmla="*/ 0 w 518883"/>
                <a:gd name="connsiteY0" fmla="*/ 259442 h 518884"/>
                <a:gd name="connsiteX1" fmla="*/ 259442 w 518883"/>
                <a:gd name="connsiteY1" fmla="*/ 518884 h 518884"/>
                <a:gd name="connsiteX2" fmla="*/ 518884 w 518883"/>
                <a:gd name="connsiteY2" fmla="*/ 259442 h 518884"/>
                <a:gd name="connsiteX3" fmla="*/ 259442 w 518883"/>
                <a:gd name="connsiteY3" fmla="*/ 0 h 518884"/>
                <a:gd name="connsiteX4" fmla="*/ 0 w 518883"/>
                <a:gd name="connsiteY4" fmla="*/ 259442 h 5188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18883" h="518884">
                  <a:moveTo>
                    <a:pt x="0" y="259442"/>
                  </a:moveTo>
                  <a:cubicBezTo>
                    <a:pt x="0" y="402774"/>
                    <a:pt x="116110" y="518884"/>
                    <a:pt x="259442" y="518884"/>
                  </a:cubicBezTo>
                  <a:cubicBezTo>
                    <a:pt x="402774" y="518884"/>
                    <a:pt x="518884" y="402774"/>
                    <a:pt x="518884" y="259442"/>
                  </a:cubicBezTo>
                  <a:cubicBezTo>
                    <a:pt x="518884" y="116110"/>
                    <a:pt x="402774" y="0"/>
                    <a:pt x="259442" y="0"/>
                  </a:cubicBezTo>
                  <a:cubicBezTo>
                    <a:pt x="116110" y="0"/>
                    <a:pt x="0" y="116110"/>
                    <a:pt x="0" y="259442"/>
                  </a:cubicBez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0B63C322-AAD4-A6ED-99F1-069CF1B0F4DF}"/>
                </a:ext>
              </a:extLst>
            </p:cNvPr>
            <p:cNvSpPr/>
            <p:nvPr/>
          </p:nvSpPr>
          <p:spPr>
            <a:xfrm>
              <a:off x="6982148" y="345632"/>
              <a:ext cx="756383" cy="624716"/>
            </a:xfrm>
            <a:custGeom>
              <a:avLst/>
              <a:gdLst>
                <a:gd name="connsiteX0" fmla="*/ 128332 w 756383"/>
                <a:gd name="connsiteY0" fmla="*/ 426107 h 624716"/>
                <a:gd name="connsiteX1" fmla="*/ 0 w 756383"/>
                <a:gd name="connsiteY1" fmla="*/ 269997 h 624716"/>
                <a:gd name="connsiteX2" fmla="*/ 378052 w 756383"/>
                <a:gd name="connsiteY2" fmla="*/ 0 h 624716"/>
                <a:gd name="connsiteX3" fmla="*/ 693049 w 756383"/>
                <a:gd name="connsiteY3" fmla="*/ 119999 h 624716"/>
                <a:gd name="connsiteX4" fmla="*/ 756381 w 756383"/>
                <a:gd name="connsiteY4" fmla="*/ 269720 h 624716"/>
                <a:gd name="connsiteX5" fmla="*/ 294720 w 756383"/>
                <a:gd name="connsiteY5" fmla="*/ 624716 h 624716"/>
                <a:gd name="connsiteX6" fmla="*/ 306386 w 756383"/>
                <a:gd name="connsiteY6" fmla="*/ 544995 h 624716"/>
                <a:gd name="connsiteX7" fmla="*/ 128610 w 756383"/>
                <a:gd name="connsiteY7" fmla="*/ 426107 h 62471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756383" h="624716">
                  <a:moveTo>
                    <a:pt x="128332" y="426107"/>
                  </a:moveTo>
                  <a:cubicBezTo>
                    <a:pt x="16666" y="398885"/>
                    <a:pt x="0" y="316386"/>
                    <a:pt x="0" y="269997"/>
                  </a:cubicBezTo>
                  <a:cubicBezTo>
                    <a:pt x="0" y="121110"/>
                    <a:pt x="169443" y="0"/>
                    <a:pt x="378052" y="0"/>
                  </a:cubicBezTo>
                  <a:cubicBezTo>
                    <a:pt x="504440" y="0"/>
                    <a:pt x="622216" y="44722"/>
                    <a:pt x="693049" y="119999"/>
                  </a:cubicBezTo>
                  <a:cubicBezTo>
                    <a:pt x="734993" y="164721"/>
                    <a:pt x="756659" y="216387"/>
                    <a:pt x="756381" y="269720"/>
                  </a:cubicBezTo>
                  <a:cubicBezTo>
                    <a:pt x="754160" y="475273"/>
                    <a:pt x="416663" y="589717"/>
                    <a:pt x="294720" y="624716"/>
                  </a:cubicBezTo>
                  <a:cubicBezTo>
                    <a:pt x="305830" y="603328"/>
                    <a:pt x="314164" y="575272"/>
                    <a:pt x="306386" y="544995"/>
                  </a:cubicBezTo>
                  <a:cubicBezTo>
                    <a:pt x="292497" y="490829"/>
                    <a:pt x="234164" y="451940"/>
                    <a:pt x="128610" y="426107"/>
                  </a:cubicBez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78F8634B-C91C-197C-209D-776DDC4AF632}"/>
                </a:ext>
              </a:extLst>
            </p:cNvPr>
            <p:cNvSpPr/>
            <p:nvPr/>
          </p:nvSpPr>
          <p:spPr>
            <a:xfrm>
              <a:off x="7138258" y="528686"/>
              <a:ext cx="461662" cy="27777"/>
            </a:xfrm>
            <a:custGeom>
              <a:avLst/>
              <a:gdLst>
                <a:gd name="connsiteX0" fmla="*/ 461662 w 461662"/>
                <a:gd name="connsiteY0" fmla="*/ 0 h 27777"/>
                <a:gd name="connsiteX1" fmla="*/ 0 w 461662"/>
                <a:gd name="connsiteY1" fmla="*/ 0 h 277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461662" h="27777">
                  <a:moveTo>
                    <a:pt x="461662" y="0"/>
                  </a:moveTo>
                  <a:lnTo>
                    <a:pt x="0" y="0"/>
                  </a:lnTo>
                </a:path>
              </a:pathLst>
            </a:custGeom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103B5CE9-5C0F-19B7-2B42-1DA50C623F15}"/>
                </a:ext>
              </a:extLst>
            </p:cNvPr>
            <p:cNvSpPr/>
            <p:nvPr/>
          </p:nvSpPr>
          <p:spPr>
            <a:xfrm>
              <a:off x="7138258" y="665352"/>
              <a:ext cx="461662" cy="27777"/>
            </a:xfrm>
            <a:custGeom>
              <a:avLst/>
              <a:gdLst>
                <a:gd name="connsiteX0" fmla="*/ 461662 w 461662"/>
                <a:gd name="connsiteY0" fmla="*/ 0 h 27777"/>
                <a:gd name="connsiteX1" fmla="*/ 0 w 461662"/>
                <a:gd name="connsiteY1" fmla="*/ 0 h 277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461662" h="27777">
                  <a:moveTo>
                    <a:pt x="461662" y="0"/>
                  </a:moveTo>
                  <a:lnTo>
                    <a:pt x="0" y="0"/>
                  </a:lnTo>
                </a:path>
              </a:pathLst>
            </a:custGeom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ABF86164-EFE4-560C-CA47-5976A6972344}"/>
                </a:ext>
              </a:extLst>
            </p:cNvPr>
            <p:cNvSpPr/>
            <p:nvPr/>
          </p:nvSpPr>
          <p:spPr>
            <a:xfrm>
              <a:off x="6705484" y="1801730"/>
              <a:ext cx="27777" cy="207775"/>
            </a:xfrm>
            <a:custGeom>
              <a:avLst/>
              <a:gdLst>
                <a:gd name="connsiteX0" fmla="*/ 0 w 27777"/>
                <a:gd name="connsiteY0" fmla="*/ 0 h 207775"/>
                <a:gd name="connsiteX1" fmla="*/ 0 w 27777"/>
                <a:gd name="connsiteY1" fmla="*/ 207776 h 2077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7777" h="207775">
                  <a:moveTo>
                    <a:pt x="0" y="0"/>
                  </a:moveTo>
                  <a:lnTo>
                    <a:pt x="0" y="207776"/>
                  </a:lnTo>
                </a:path>
              </a:pathLst>
            </a:custGeom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E4273EF9-B938-5A34-E5FD-0B9687E5D5A5}"/>
                </a:ext>
              </a:extLst>
            </p:cNvPr>
            <p:cNvSpPr/>
            <p:nvPr/>
          </p:nvSpPr>
          <p:spPr>
            <a:xfrm>
              <a:off x="7361587" y="1772286"/>
              <a:ext cx="91710" cy="427496"/>
            </a:xfrm>
            <a:custGeom>
              <a:avLst/>
              <a:gdLst>
                <a:gd name="connsiteX0" fmla="*/ 3 w 91710"/>
                <a:gd name="connsiteY0" fmla="*/ 427496 h 427496"/>
                <a:gd name="connsiteX1" fmla="*/ 84446 w 91710"/>
                <a:gd name="connsiteY1" fmla="*/ 146665 h 427496"/>
                <a:gd name="connsiteX2" fmla="*/ 86946 w 91710"/>
                <a:gd name="connsiteY2" fmla="*/ 111666 h 427496"/>
                <a:gd name="connsiteX3" fmla="*/ 61669 w 91710"/>
                <a:gd name="connsiteY3" fmla="*/ 0 h 4274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91710" h="427496">
                  <a:moveTo>
                    <a:pt x="3" y="427496"/>
                  </a:moveTo>
                  <a:cubicBezTo>
                    <a:pt x="-275" y="332775"/>
                    <a:pt x="21391" y="218609"/>
                    <a:pt x="84446" y="146665"/>
                  </a:cubicBezTo>
                  <a:cubicBezTo>
                    <a:pt x="93058" y="136943"/>
                    <a:pt x="94168" y="122499"/>
                    <a:pt x="86946" y="111666"/>
                  </a:cubicBezTo>
                  <a:cubicBezTo>
                    <a:pt x="86668" y="111110"/>
                    <a:pt x="47780" y="50555"/>
                    <a:pt x="61669" y="0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B61A7E6A-BA98-3DFE-56D5-0E1E5F8FC047}"/>
                </a:ext>
              </a:extLst>
            </p:cNvPr>
            <p:cNvSpPr/>
            <p:nvPr/>
          </p:nvSpPr>
          <p:spPr>
            <a:xfrm>
              <a:off x="8024040" y="1772008"/>
              <a:ext cx="91711" cy="427496"/>
            </a:xfrm>
            <a:custGeom>
              <a:avLst/>
              <a:gdLst>
                <a:gd name="connsiteX0" fmla="*/ 30042 w 91711"/>
                <a:gd name="connsiteY0" fmla="*/ 0 h 427496"/>
                <a:gd name="connsiteX1" fmla="*/ 4765 w 91711"/>
                <a:gd name="connsiteY1" fmla="*/ 111666 h 427496"/>
                <a:gd name="connsiteX2" fmla="*/ 7265 w 91711"/>
                <a:gd name="connsiteY2" fmla="*/ 146665 h 427496"/>
                <a:gd name="connsiteX3" fmla="*/ 91708 w 91711"/>
                <a:gd name="connsiteY3" fmla="*/ 427496 h 4274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91711" h="427496">
                  <a:moveTo>
                    <a:pt x="30042" y="0"/>
                  </a:moveTo>
                  <a:cubicBezTo>
                    <a:pt x="43931" y="50277"/>
                    <a:pt x="5320" y="111110"/>
                    <a:pt x="4765" y="111666"/>
                  </a:cubicBezTo>
                  <a:cubicBezTo>
                    <a:pt x="-2458" y="122499"/>
                    <a:pt x="-1346" y="136943"/>
                    <a:pt x="7265" y="146665"/>
                  </a:cubicBezTo>
                  <a:cubicBezTo>
                    <a:pt x="70320" y="218887"/>
                    <a:pt x="91986" y="332775"/>
                    <a:pt x="91708" y="427496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4D2C6632-2122-D646-712E-23C71592D69A}"/>
                </a:ext>
              </a:extLst>
            </p:cNvPr>
            <p:cNvSpPr/>
            <p:nvPr/>
          </p:nvSpPr>
          <p:spPr>
            <a:xfrm>
              <a:off x="7322145" y="1041459"/>
              <a:ext cx="641105" cy="641382"/>
            </a:xfrm>
            <a:custGeom>
              <a:avLst/>
              <a:gdLst>
                <a:gd name="connsiteX0" fmla="*/ 320553 w 641105"/>
                <a:gd name="connsiteY0" fmla="*/ 641383 h 641382"/>
                <a:gd name="connsiteX1" fmla="*/ 0 w 641105"/>
                <a:gd name="connsiteY1" fmla="*/ 320553 h 641382"/>
                <a:gd name="connsiteX2" fmla="*/ 320553 w 641105"/>
                <a:gd name="connsiteY2" fmla="*/ 0 h 641382"/>
                <a:gd name="connsiteX3" fmla="*/ 641106 w 641105"/>
                <a:gd name="connsiteY3" fmla="*/ 320553 h 641382"/>
                <a:gd name="connsiteX4" fmla="*/ 320553 w 641105"/>
                <a:gd name="connsiteY4" fmla="*/ 641383 h 6413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41105" h="641382">
                  <a:moveTo>
                    <a:pt x="320553" y="641383"/>
                  </a:moveTo>
                  <a:cubicBezTo>
                    <a:pt x="143332" y="641383"/>
                    <a:pt x="0" y="497773"/>
                    <a:pt x="0" y="320553"/>
                  </a:cubicBezTo>
                  <a:cubicBezTo>
                    <a:pt x="0" y="143332"/>
                    <a:pt x="143332" y="0"/>
                    <a:pt x="320553" y="0"/>
                  </a:cubicBezTo>
                  <a:cubicBezTo>
                    <a:pt x="497774" y="0"/>
                    <a:pt x="641106" y="143610"/>
                    <a:pt x="641106" y="320553"/>
                  </a:cubicBezTo>
                  <a:cubicBezTo>
                    <a:pt x="641106" y="497495"/>
                    <a:pt x="497496" y="641383"/>
                    <a:pt x="320553" y="641383"/>
                  </a:cubicBez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FC6A9D66-283A-B32E-189D-6D8C0F4F592B}"/>
                </a:ext>
              </a:extLst>
            </p:cNvPr>
            <p:cNvSpPr/>
            <p:nvPr/>
          </p:nvSpPr>
          <p:spPr>
            <a:xfrm>
              <a:off x="7160757" y="1603399"/>
              <a:ext cx="154165" cy="596383"/>
            </a:xfrm>
            <a:custGeom>
              <a:avLst/>
              <a:gdLst>
                <a:gd name="connsiteX0" fmla="*/ 0 w 154165"/>
                <a:gd name="connsiteY0" fmla="*/ 596383 h 596383"/>
                <a:gd name="connsiteX1" fmla="*/ 97777 w 154165"/>
                <a:gd name="connsiteY1" fmla="*/ 78055 h 596383"/>
                <a:gd name="connsiteX2" fmla="*/ 154165 w 154165"/>
                <a:gd name="connsiteY2" fmla="*/ 0 h 59638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54165" h="596383">
                  <a:moveTo>
                    <a:pt x="0" y="596383"/>
                  </a:moveTo>
                  <a:cubicBezTo>
                    <a:pt x="12778" y="448885"/>
                    <a:pt x="42778" y="182776"/>
                    <a:pt x="97777" y="78055"/>
                  </a:cubicBezTo>
                  <a:cubicBezTo>
                    <a:pt x="111388" y="52222"/>
                    <a:pt x="132499" y="21944"/>
                    <a:pt x="154165" y="0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0E131C4E-ACCF-C4B3-2717-53A335172AF2}"/>
                </a:ext>
              </a:extLst>
            </p:cNvPr>
            <p:cNvSpPr/>
            <p:nvPr/>
          </p:nvSpPr>
          <p:spPr>
            <a:xfrm>
              <a:off x="8033805" y="1514233"/>
              <a:ext cx="281942" cy="685549"/>
            </a:xfrm>
            <a:custGeom>
              <a:avLst/>
              <a:gdLst>
                <a:gd name="connsiteX0" fmla="*/ 0 w 281942"/>
                <a:gd name="connsiteY0" fmla="*/ 0 h 685549"/>
                <a:gd name="connsiteX1" fmla="*/ 170276 w 281942"/>
                <a:gd name="connsiteY1" fmla="*/ 167221 h 685549"/>
                <a:gd name="connsiteX2" fmla="*/ 281943 w 281942"/>
                <a:gd name="connsiteY2" fmla="*/ 685549 h 6855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281942" h="685549">
                  <a:moveTo>
                    <a:pt x="0" y="0"/>
                  </a:moveTo>
                  <a:cubicBezTo>
                    <a:pt x="69722" y="37222"/>
                    <a:pt x="128332" y="91666"/>
                    <a:pt x="170276" y="167221"/>
                  </a:cubicBezTo>
                  <a:cubicBezTo>
                    <a:pt x="228331" y="271942"/>
                    <a:pt x="265276" y="538051"/>
                    <a:pt x="281943" y="685549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46177739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32C6FA-612A-CF58-DD17-907CD892AE3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EFA3A73-B78D-0AB3-0529-4F5AE6656CC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D52AA1E-A2CF-5BE5-2111-67639A4BFABD}"/>
              </a:ext>
            </a:extLst>
          </p:cNvPr>
          <p:cNvSpPr txBox="1"/>
          <p:nvPr/>
        </p:nvSpPr>
        <p:spPr>
          <a:xfrm>
            <a:off x="4630615" y="1905000"/>
            <a:ext cx="7543800" cy="4247317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6000" dirty="0">
                <a:solidFill>
                  <a:schemeClr val="accent4">
                    <a:lumMod val="40000"/>
                    <a:lumOff val="60000"/>
                  </a:schemeClr>
                </a:solidFill>
                <a:latin typeface="Palatino Linotype"/>
              </a:rPr>
              <a:t>How are reactions to disruption and uncertainty showing up at your institution?</a:t>
            </a:r>
            <a:endParaRPr kumimoji="0" lang="en-US" sz="6000" b="0" i="0" u="none" strike="noStrike" kern="1200" cap="none" spc="0" normalizeH="0" baseline="0" noProof="0" dirty="0">
              <a:ln>
                <a:noFill/>
              </a:ln>
              <a:solidFill>
                <a:schemeClr val="accent4">
                  <a:lumMod val="40000"/>
                  <a:lumOff val="60000"/>
                </a:schemeClr>
              </a:solidFill>
              <a:effectLst/>
              <a:uLnTx/>
              <a:uFillTx/>
              <a:latin typeface="Palatino Linotype"/>
              <a:ea typeface="+mn-ea"/>
              <a:cs typeface="+mn-cs"/>
            </a:endParaRP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EC4B6810-4C88-5131-25EF-FC841551BF1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53EDE43F-07A7-6858-EBBB-06AAC0DC7C38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duotone>
              <a:prstClr val="black"/>
              <a:schemeClr val="accent4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909" y="3351074"/>
            <a:ext cx="4427253" cy="3506926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1A263300-A7A5-6B47-4926-38CDB876FBE4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BB9138CD-10BA-346A-7B6C-6A7F82D994C2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1C2058E7-EDD7-08B7-B8FF-D28AE904D515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736984C4-8B77-E334-B655-B439F6A25834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CB1BFCD7-23CC-FAD0-2612-B9F2BB4CA488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73F4837D-A3D8-6911-E45A-A1602D978328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67AB55FD-128A-14C5-D4CE-694215BB6B0B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60D6FA73-367A-74E4-A90A-B7F5F0DC9C31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E85946AE-45ED-2685-7BA9-3BC97BDF0E62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AE71C408-03D5-F581-5DED-DF949B264A46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55083515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A5C87BF-7E19-1ED5-5174-F58739D1ED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99089057-8B8F-CD1A-A9A5-66DF4501113F}"/>
              </a:ext>
            </a:extLst>
          </p:cNvPr>
          <p:cNvSpPr/>
          <p:nvPr/>
        </p:nvSpPr>
        <p:spPr>
          <a:xfrm>
            <a:off x="573978" y="2680351"/>
            <a:ext cx="2611107" cy="3415647"/>
          </a:xfrm>
          <a:custGeom>
            <a:avLst/>
            <a:gdLst>
              <a:gd name="connsiteX0" fmla="*/ 0 w 3310259"/>
              <a:gd name="connsiteY0" fmla="*/ 0 h 3310259"/>
              <a:gd name="connsiteX1" fmla="*/ 3310259 w 3310259"/>
              <a:gd name="connsiteY1" fmla="*/ 0 h 3310259"/>
              <a:gd name="connsiteX2" fmla="*/ 3310259 w 3310259"/>
              <a:gd name="connsiteY2" fmla="*/ 3310259 h 3310259"/>
              <a:gd name="connsiteX3" fmla="*/ 0 w 3310259"/>
              <a:gd name="connsiteY3" fmla="*/ 3310259 h 33102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10259" h="3310259">
                <a:moveTo>
                  <a:pt x="0" y="0"/>
                </a:moveTo>
                <a:lnTo>
                  <a:pt x="3310259" y="0"/>
                </a:lnTo>
                <a:lnTo>
                  <a:pt x="3310259" y="3310259"/>
                </a:lnTo>
                <a:lnTo>
                  <a:pt x="0" y="3310259"/>
                </a:lnTo>
                <a:close/>
              </a:path>
            </a:pathLst>
          </a:custGeom>
          <a:solidFill>
            <a:schemeClr val="accent1">
              <a:lumMod val="20000"/>
              <a:lumOff val="80000"/>
            </a:schemeClr>
          </a:solidFill>
          <a:ln w="7794" cap="flat">
            <a:noFill/>
            <a:prstDash val="solid"/>
            <a:miter/>
          </a:ln>
        </p:spPr>
        <p:txBody>
          <a:bodyPr tIns="914400" rtlCol="0" anchor="t"/>
          <a:lstStyle/>
          <a:p>
            <a:pPr marL="0" indent="0" algn="ctr">
              <a:buNone/>
            </a:pPr>
            <a:r>
              <a:rPr lang="en-US" sz="2400" b="1" dirty="0">
                <a:solidFill>
                  <a:schemeClr val="accent5"/>
                </a:solidFill>
              </a:rPr>
              <a:t>Psychological Response</a:t>
            </a:r>
          </a:p>
          <a:p>
            <a:pPr marL="282575" indent="-1714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5"/>
                </a:solidFill>
              </a:rPr>
              <a:t>Heightened anxiety</a:t>
            </a:r>
          </a:p>
          <a:p>
            <a:pPr marL="282575" indent="-1714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5"/>
                </a:solidFill>
              </a:rPr>
              <a:t>Sensemaking</a:t>
            </a:r>
          </a:p>
          <a:p>
            <a:pPr marL="282575" indent="-1714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5"/>
                </a:solidFill>
              </a:rPr>
              <a:t>Cognitive overload</a:t>
            </a:r>
          </a:p>
          <a:p>
            <a:pPr marL="282575" indent="-1714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5"/>
                </a:solidFill>
              </a:rPr>
              <a:t>Fear</a:t>
            </a:r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9A165BEB-D96F-789E-BE5D-164625BAFF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1332779" y="2133600"/>
            <a:ext cx="1093504" cy="1093504"/>
          </a:xfrm>
          <a:custGeom>
            <a:avLst/>
            <a:gdLst>
              <a:gd name="connsiteX0" fmla="*/ 1386303 w 1386302"/>
              <a:gd name="connsiteY0" fmla="*/ 693151 h 1386302"/>
              <a:gd name="connsiteX1" fmla="*/ 693151 w 1386302"/>
              <a:gd name="connsiteY1" fmla="*/ 1386303 h 1386302"/>
              <a:gd name="connsiteX2" fmla="*/ 0 w 1386302"/>
              <a:gd name="connsiteY2" fmla="*/ 693151 h 1386302"/>
              <a:gd name="connsiteX3" fmla="*/ 693151 w 1386302"/>
              <a:gd name="connsiteY3" fmla="*/ 0 h 1386302"/>
              <a:gd name="connsiteX4" fmla="*/ 1386303 w 1386302"/>
              <a:gd name="connsiteY4" fmla="*/ 693151 h 13863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86302" h="1386302">
                <a:moveTo>
                  <a:pt x="1386303" y="693151"/>
                </a:moveTo>
                <a:cubicBezTo>
                  <a:pt x="1386303" y="1075968"/>
                  <a:pt x="1075968" y="1386303"/>
                  <a:pt x="693151" y="1386303"/>
                </a:cubicBezTo>
                <a:cubicBezTo>
                  <a:pt x="310334" y="1386303"/>
                  <a:pt x="0" y="1075968"/>
                  <a:pt x="0" y="693151"/>
                </a:cubicBezTo>
                <a:cubicBezTo>
                  <a:pt x="0" y="310334"/>
                  <a:pt x="310334" y="0"/>
                  <a:pt x="693151" y="0"/>
                </a:cubicBezTo>
                <a:cubicBezTo>
                  <a:pt x="1075968" y="0"/>
                  <a:pt x="1386303" y="310334"/>
                  <a:pt x="1386303" y="693151"/>
                </a:cubicBezTo>
                <a:close/>
              </a:path>
            </a:pathLst>
          </a:custGeom>
          <a:solidFill>
            <a:schemeClr val="accent5"/>
          </a:solidFill>
          <a:ln w="77943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F66F6D57-D46C-5E50-1F58-A59F7313B644}"/>
              </a:ext>
            </a:extLst>
          </p:cNvPr>
          <p:cNvSpPr/>
          <p:nvPr/>
        </p:nvSpPr>
        <p:spPr>
          <a:xfrm>
            <a:off x="6551019" y="2680352"/>
            <a:ext cx="2611107" cy="3415648"/>
          </a:xfrm>
          <a:custGeom>
            <a:avLst/>
            <a:gdLst>
              <a:gd name="connsiteX0" fmla="*/ 0 w 3310259"/>
              <a:gd name="connsiteY0" fmla="*/ 0 h 3310259"/>
              <a:gd name="connsiteX1" fmla="*/ 3310259 w 3310259"/>
              <a:gd name="connsiteY1" fmla="*/ 0 h 3310259"/>
              <a:gd name="connsiteX2" fmla="*/ 3310259 w 3310259"/>
              <a:gd name="connsiteY2" fmla="*/ 3310259 h 3310259"/>
              <a:gd name="connsiteX3" fmla="*/ 0 w 3310259"/>
              <a:gd name="connsiteY3" fmla="*/ 3310259 h 33102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10259" h="3310259">
                <a:moveTo>
                  <a:pt x="0" y="0"/>
                </a:moveTo>
                <a:lnTo>
                  <a:pt x="3310259" y="0"/>
                </a:lnTo>
                <a:lnTo>
                  <a:pt x="3310259" y="3310259"/>
                </a:lnTo>
                <a:lnTo>
                  <a:pt x="0" y="3310259"/>
                </a:lnTo>
                <a:close/>
              </a:path>
            </a:pathLst>
          </a:custGeom>
          <a:solidFill>
            <a:schemeClr val="accent1">
              <a:lumMod val="20000"/>
              <a:lumOff val="80000"/>
            </a:schemeClr>
          </a:solidFill>
          <a:ln w="7794" cap="flat">
            <a:noFill/>
            <a:prstDash val="solid"/>
            <a:miter/>
          </a:ln>
        </p:spPr>
        <p:txBody>
          <a:bodyPr tIns="914400" rtlCol="0" anchor="t"/>
          <a:lstStyle/>
          <a:p>
            <a:pPr marL="0" indent="0" algn="ctr">
              <a:buNone/>
            </a:pPr>
            <a:r>
              <a:rPr lang="en-US" sz="2400" b="1" dirty="0">
                <a:solidFill>
                  <a:schemeClr val="tx2"/>
                </a:solidFill>
              </a:rPr>
              <a:t>Social Response</a:t>
            </a:r>
          </a:p>
          <a:p>
            <a:pPr marL="228600" indent="-169863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Seeking reassurance</a:t>
            </a:r>
          </a:p>
          <a:p>
            <a:pPr marL="228600" indent="-169863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Shifts in trust — Inner circle vs Outer circle</a:t>
            </a:r>
          </a:p>
          <a:p>
            <a:pPr marL="228600" indent="-169863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Under or over-communicating</a:t>
            </a:r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DD850777-5E53-5370-8651-4DD5E22476D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7309820" y="2133600"/>
            <a:ext cx="1093504" cy="1093504"/>
          </a:xfrm>
          <a:custGeom>
            <a:avLst/>
            <a:gdLst>
              <a:gd name="connsiteX0" fmla="*/ 1386303 w 1386302"/>
              <a:gd name="connsiteY0" fmla="*/ 693151 h 1386302"/>
              <a:gd name="connsiteX1" fmla="*/ 693151 w 1386302"/>
              <a:gd name="connsiteY1" fmla="*/ 1386303 h 1386302"/>
              <a:gd name="connsiteX2" fmla="*/ -1 w 1386302"/>
              <a:gd name="connsiteY2" fmla="*/ 693151 h 1386302"/>
              <a:gd name="connsiteX3" fmla="*/ 693151 w 1386302"/>
              <a:gd name="connsiteY3" fmla="*/ 0 h 1386302"/>
              <a:gd name="connsiteX4" fmla="*/ 1386303 w 1386302"/>
              <a:gd name="connsiteY4" fmla="*/ 693151 h 13863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86302" h="1386302">
                <a:moveTo>
                  <a:pt x="1386303" y="693151"/>
                </a:moveTo>
                <a:cubicBezTo>
                  <a:pt x="1386303" y="1075968"/>
                  <a:pt x="1075968" y="1386303"/>
                  <a:pt x="693151" y="1386303"/>
                </a:cubicBezTo>
                <a:cubicBezTo>
                  <a:pt x="310334" y="1386303"/>
                  <a:pt x="-1" y="1075968"/>
                  <a:pt x="-1" y="693151"/>
                </a:cubicBezTo>
                <a:cubicBezTo>
                  <a:pt x="-1" y="310334"/>
                  <a:pt x="310333" y="0"/>
                  <a:pt x="693151" y="0"/>
                </a:cubicBezTo>
                <a:cubicBezTo>
                  <a:pt x="1075967" y="0"/>
                  <a:pt x="1386303" y="310334"/>
                  <a:pt x="1386303" y="693151"/>
                </a:cubicBezTo>
                <a:close/>
              </a:path>
            </a:pathLst>
          </a:custGeom>
          <a:solidFill>
            <a:schemeClr val="tx2"/>
          </a:solidFill>
          <a:ln w="77943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2DF3DE78-CD44-B8D3-B0E8-FE94B30D2A96}"/>
              </a:ext>
            </a:extLst>
          </p:cNvPr>
          <p:cNvSpPr/>
          <p:nvPr/>
        </p:nvSpPr>
        <p:spPr>
          <a:xfrm>
            <a:off x="3446349" y="2680352"/>
            <a:ext cx="2838302" cy="3415648"/>
          </a:xfrm>
          <a:custGeom>
            <a:avLst/>
            <a:gdLst>
              <a:gd name="connsiteX0" fmla="*/ 0 w 3310259"/>
              <a:gd name="connsiteY0" fmla="*/ 0 h 3310259"/>
              <a:gd name="connsiteX1" fmla="*/ 3310259 w 3310259"/>
              <a:gd name="connsiteY1" fmla="*/ 0 h 3310259"/>
              <a:gd name="connsiteX2" fmla="*/ 3310259 w 3310259"/>
              <a:gd name="connsiteY2" fmla="*/ 3310259 h 3310259"/>
              <a:gd name="connsiteX3" fmla="*/ 0 w 3310259"/>
              <a:gd name="connsiteY3" fmla="*/ 3310259 h 33102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10259" h="3310259">
                <a:moveTo>
                  <a:pt x="0" y="0"/>
                </a:moveTo>
                <a:lnTo>
                  <a:pt x="3310259" y="0"/>
                </a:lnTo>
                <a:lnTo>
                  <a:pt x="3310259" y="3310259"/>
                </a:lnTo>
                <a:lnTo>
                  <a:pt x="0" y="3310259"/>
                </a:lnTo>
                <a:close/>
              </a:path>
            </a:pathLst>
          </a:custGeom>
          <a:solidFill>
            <a:schemeClr val="accent1">
              <a:lumMod val="20000"/>
              <a:lumOff val="80000"/>
            </a:schemeClr>
          </a:solidFill>
          <a:ln w="7794" cap="flat">
            <a:noFill/>
            <a:prstDash val="solid"/>
            <a:miter/>
          </a:ln>
        </p:spPr>
        <p:txBody>
          <a:bodyPr tIns="914400" rtlCol="0" anchor="t"/>
          <a:lstStyle/>
          <a:p>
            <a:pPr marL="0" indent="0" algn="ctr">
              <a:buNone/>
            </a:pPr>
            <a:r>
              <a:rPr lang="en-US" sz="2400" b="1" dirty="0">
                <a:solidFill>
                  <a:schemeClr val="bg2"/>
                </a:solidFill>
              </a:rPr>
              <a:t>Behavioral Response</a:t>
            </a:r>
          </a:p>
          <a:p>
            <a:pPr marL="230188" indent="-1714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2"/>
                </a:solidFill>
              </a:rPr>
              <a:t>Avoidance</a:t>
            </a:r>
          </a:p>
          <a:p>
            <a:pPr marL="230188" indent="-1714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2"/>
                </a:solidFill>
              </a:rPr>
              <a:t>Over control</a:t>
            </a:r>
          </a:p>
          <a:p>
            <a:pPr marL="230188" indent="-1714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2"/>
                </a:solidFill>
              </a:rPr>
              <a:t>Risk taking or Impulsivity</a:t>
            </a:r>
          </a:p>
          <a:p>
            <a:pPr marL="230188" indent="-1714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2"/>
                </a:solidFill>
              </a:rPr>
              <a:t>Hand-wringing</a:t>
            </a:r>
          </a:p>
        </p:txBody>
      </p:sp>
      <p:sp>
        <p:nvSpPr>
          <p:cNvPr id="13" name="Freeform: Shape 12">
            <a:extLst>
              <a:ext uri="{FF2B5EF4-FFF2-40B4-BE49-F238E27FC236}">
                <a16:creationId xmlns:a16="http://schemas.microsoft.com/office/drawing/2014/main" id="{16ABF123-E189-02C9-F1B9-56099BEDD5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4321299" y="2133600"/>
            <a:ext cx="1093504" cy="1093504"/>
          </a:xfrm>
          <a:custGeom>
            <a:avLst/>
            <a:gdLst>
              <a:gd name="connsiteX0" fmla="*/ 1386303 w 1386302"/>
              <a:gd name="connsiteY0" fmla="*/ 693151 h 1386302"/>
              <a:gd name="connsiteX1" fmla="*/ 693151 w 1386302"/>
              <a:gd name="connsiteY1" fmla="*/ 1386303 h 1386302"/>
              <a:gd name="connsiteX2" fmla="*/ 0 w 1386302"/>
              <a:gd name="connsiteY2" fmla="*/ 693151 h 1386302"/>
              <a:gd name="connsiteX3" fmla="*/ 693151 w 1386302"/>
              <a:gd name="connsiteY3" fmla="*/ 0 h 1386302"/>
              <a:gd name="connsiteX4" fmla="*/ 1386303 w 1386302"/>
              <a:gd name="connsiteY4" fmla="*/ 693151 h 13863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86302" h="1386302">
                <a:moveTo>
                  <a:pt x="1386303" y="693151"/>
                </a:moveTo>
                <a:cubicBezTo>
                  <a:pt x="1386303" y="1075968"/>
                  <a:pt x="1075968" y="1386303"/>
                  <a:pt x="693151" y="1386303"/>
                </a:cubicBezTo>
                <a:cubicBezTo>
                  <a:pt x="310335" y="1386303"/>
                  <a:pt x="0" y="1075968"/>
                  <a:pt x="0" y="693151"/>
                </a:cubicBezTo>
                <a:cubicBezTo>
                  <a:pt x="0" y="310334"/>
                  <a:pt x="310335" y="0"/>
                  <a:pt x="693151" y="0"/>
                </a:cubicBezTo>
                <a:cubicBezTo>
                  <a:pt x="1075968" y="0"/>
                  <a:pt x="1386303" y="310334"/>
                  <a:pt x="1386303" y="693151"/>
                </a:cubicBezTo>
                <a:close/>
              </a:path>
            </a:pathLst>
          </a:custGeom>
          <a:solidFill>
            <a:schemeClr val="bg2"/>
          </a:solidFill>
          <a:ln w="77943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F9CD5042-44C6-3566-C00D-908B3194AF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is Uncertainty Was an Opportunity </a:t>
            </a:r>
            <a:br>
              <a:rPr lang="en-US" dirty="0"/>
            </a:br>
            <a:r>
              <a:rPr lang="en-US" dirty="0"/>
              <a:t>for Growth?</a:t>
            </a:r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658780E0-606B-45DA-A145-E1E2B925E2F5}"/>
              </a:ext>
            </a:extLst>
          </p:cNvPr>
          <p:cNvSpPr/>
          <p:nvPr/>
        </p:nvSpPr>
        <p:spPr>
          <a:xfrm>
            <a:off x="9428493" y="2680352"/>
            <a:ext cx="2611107" cy="3415648"/>
          </a:xfrm>
          <a:custGeom>
            <a:avLst/>
            <a:gdLst>
              <a:gd name="connsiteX0" fmla="*/ 0 w 3310259"/>
              <a:gd name="connsiteY0" fmla="*/ 0 h 3310259"/>
              <a:gd name="connsiteX1" fmla="*/ 3310259 w 3310259"/>
              <a:gd name="connsiteY1" fmla="*/ 0 h 3310259"/>
              <a:gd name="connsiteX2" fmla="*/ 3310259 w 3310259"/>
              <a:gd name="connsiteY2" fmla="*/ 3310259 h 3310259"/>
              <a:gd name="connsiteX3" fmla="*/ 0 w 3310259"/>
              <a:gd name="connsiteY3" fmla="*/ 3310259 h 33102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10259" h="3310259">
                <a:moveTo>
                  <a:pt x="0" y="0"/>
                </a:moveTo>
                <a:lnTo>
                  <a:pt x="3310259" y="0"/>
                </a:lnTo>
                <a:lnTo>
                  <a:pt x="3310259" y="3310259"/>
                </a:lnTo>
                <a:lnTo>
                  <a:pt x="0" y="3310259"/>
                </a:lnTo>
                <a:close/>
              </a:path>
            </a:pathLst>
          </a:custGeom>
          <a:solidFill>
            <a:schemeClr val="accent1">
              <a:lumMod val="20000"/>
              <a:lumOff val="80000"/>
            </a:schemeClr>
          </a:solidFill>
          <a:ln w="7794" cap="flat">
            <a:noFill/>
            <a:prstDash val="solid"/>
            <a:miter/>
          </a:ln>
        </p:spPr>
        <p:txBody>
          <a:bodyPr tIns="914400" rtlCol="0" anchor="t"/>
          <a:lstStyle/>
          <a:p>
            <a:pPr marL="0" indent="0" algn="ctr">
              <a:buNone/>
            </a:pPr>
            <a:r>
              <a:rPr lang="en-US" sz="2400" b="1" dirty="0">
                <a:solidFill>
                  <a:schemeClr val="accent3"/>
                </a:solidFill>
              </a:rPr>
              <a:t>Growth Response</a:t>
            </a:r>
          </a:p>
          <a:p>
            <a:pPr marL="285750" indent="-174625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3"/>
                </a:solidFill>
              </a:rPr>
              <a:t>Resilience and adaptability</a:t>
            </a:r>
          </a:p>
          <a:p>
            <a:pPr marL="285750" indent="-174625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3"/>
                </a:solidFill>
              </a:rPr>
              <a:t>Creativity and innovation</a:t>
            </a:r>
          </a:p>
          <a:p>
            <a:pPr marL="285750" indent="-174625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3"/>
                </a:solidFill>
              </a:rPr>
              <a:t>Learning orientation</a:t>
            </a:r>
          </a:p>
          <a:p>
            <a:pPr marL="285750" indent="-174625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3"/>
                </a:solidFill>
              </a:rPr>
              <a:t>Teamwork</a:t>
            </a: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381BBF01-A34A-DD98-9BCD-B19EECA630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10187294" y="2133600"/>
            <a:ext cx="1093504" cy="1093504"/>
          </a:xfrm>
          <a:custGeom>
            <a:avLst/>
            <a:gdLst>
              <a:gd name="connsiteX0" fmla="*/ 1386303 w 1386302"/>
              <a:gd name="connsiteY0" fmla="*/ 693151 h 1386302"/>
              <a:gd name="connsiteX1" fmla="*/ 693151 w 1386302"/>
              <a:gd name="connsiteY1" fmla="*/ 1386303 h 1386302"/>
              <a:gd name="connsiteX2" fmla="*/ -1 w 1386302"/>
              <a:gd name="connsiteY2" fmla="*/ 693151 h 1386302"/>
              <a:gd name="connsiteX3" fmla="*/ 693151 w 1386302"/>
              <a:gd name="connsiteY3" fmla="*/ 0 h 1386302"/>
              <a:gd name="connsiteX4" fmla="*/ 1386303 w 1386302"/>
              <a:gd name="connsiteY4" fmla="*/ 693151 h 13863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86302" h="1386302">
                <a:moveTo>
                  <a:pt x="1386303" y="693151"/>
                </a:moveTo>
                <a:cubicBezTo>
                  <a:pt x="1386303" y="1075968"/>
                  <a:pt x="1075968" y="1386303"/>
                  <a:pt x="693151" y="1386303"/>
                </a:cubicBezTo>
                <a:cubicBezTo>
                  <a:pt x="310334" y="1386303"/>
                  <a:pt x="-1" y="1075968"/>
                  <a:pt x="-1" y="693151"/>
                </a:cubicBezTo>
                <a:cubicBezTo>
                  <a:pt x="-1" y="310334"/>
                  <a:pt x="310333" y="0"/>
                  <a:pt x="693151" y="0"/>
                </a:cubicBezTo>
                <a:cubicBezTo>
                  <a:pt x="1075967" y="0"/>
                  <a:pt x="1386303" y="310334"/>
                  <a:pt x="1386303" y="693151"/>
                </a:cubicBezTo>
                <a:close/>
              </a:path>
            </a:pathLst>
          </a:custGeom>
          <a:solidFill>
            <a:schemeClr val="accent3"/>
          </a:solidFill>
          <a:ln w="77943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" name="Graphic 2">
            <a:extLst>
              <a:ext uri="{FF2B5EF4-FFF2-40B4-BE49-F238E27FC236}">
                <a16:creationId xmlns:a16="http://schemas.microsoft.com/office/drawing/2014/main" id="{09B15A88-08A4-EC5B-4113-B43C18E12C67}"/>
              </a:ext>
            </a:extLst>
          </p:cNvPr>
          <p:cNvGrpSpPr>
            <a:grpSpLocks noChangeAspect="1"/>
          </p:cNvGrpSpPr>
          <p:nvPr/>
        </p:nvGrpSpPr>
        <p:grpSpPr>
          <a:xfrm>
            <a:off x="1552142" y="2384938"/>
            <a:ext cx="654778" cy="590827"/>
            <a:chOff x="1945946" y="1297385"/>
            <a:chExt cx="164731" cy="148642"/>
          </a:xfrm>
          <a:noFill/>
        </p:grpSpPr>
        <p:grpSp>
          <p:nvGrpSpPr>
            <p:cNvPr id="17" name="Graphic 2">
              <a:extLst>
                <a:ext uri="{FF2B5EF4-FFF2-40B4-BE49-F238E27FC236}">
                  <a16:creationId xmlns:a16="http://schemas.microsoft.com/office/drawing/2014/main" id="{B250430F-11D6-E2D4-8047-EF90D339D9DC}"/>
                </a:ext>
              </a:extLst>
            </p:cNvPr>
            <p:cNvGrpSpPr/>
            <p:nvPr/>
          </p:nvGrpSpPr>
          <p:grpSpPr>
            <a:xfrm>
              <a:off x="1973521" y="1327768"/>
              <a:ext cx="109580" cy="112461"/>
              <a:chOff x="1973521" y="1327768"/>
              <a:chExt cx="109580" cy="112461"/>
            </a:xfrm>
            <a:noFill/>
          </p:grpSpPr>
          <p:sp>
            <p:nvSpPr>
              <p:cNvPr id="24" name="Freeform: Shape 23">
                <a:extLst>
                  <a:ext uri="{FF2B5EF4-FFF2-40B4-BE49-F238E27FC236}">
                    <a16:creationId xmlns:a16="http://schemas.microsoft.com/office/drawing/2014/main" id="{1256D25A-8472-2325-A525-D608EB6B5F60}"/>
                  </a:ext>
                </a:extLst>
              </p:cNvPr>
              <p:cNvSpPr/>
              <p:nvPr/>
            </p:nvSpPr>
            <p:spPr>
              <a:xfrm>
                <a:off x="2028280" y="1363675"/>
                <a:ext cx="631" cy="56260"/>
              </a:xfrm>
              <a:custGeom>
                <a:avLst/>
                <a:gdLst>
                  <a:gd name="connsiteX0" fmla="*/ 0 w 631"/>
                  <a:gd name="connsiteY0" fmla="*/ 0 h 56260"/>
                  <a:gd name="connsiteX1" fmla="*/ 0 w 631"/>
                  <a:gd name="connsiteY1" fmla="*/ 56261 h 562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631" h="56260">
                    <a:moveTo>
                      <a:pt x="0" y="0"/>
                    </a:moveTo>
                    <a:lnTo>
                      <a:pt x="0" y="56261"/>
                    </a:lnTo>
                  </a:path>
                </a:pathLst>
              </a:custGeom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25" name="Freeform: Shape 24">
                <a:extLst>
                  <a:ext uri="{FF2B5EF4-FFF2-40B4-BE49-F238E27FC236}">
                    <a16:creationId xmlns:a16="http://schemas.microsoft.com/office/drawing/2014/main" id="{0DE56DE7-B636-5FD0-2A94-938F5FEAEA72}"/>
                  </a:ext>
                </a:extLst>
              </p:cNvPr>
              <p:cNvSpPr/>
              <p:nvPr/>
            </p:nvSpPr>
            <p:spPr>
              <a:xfrm>
                <a:off x="1987755" y="1334454"/>
                <a:ext cx="19532" cy="22161"/>
              </a:xfrm>
              <a:custGeom>
                <a:avLst/>
                <a:gdLst>
                  <a:gd name="connsiteX0" fmla="*/ 2155 w 19532"/>
                  <a:gd name="connsiteY0" fmla="*/ 22162 h 22161"/>
                  <a:gd name="connsiteX1" fmla="*/ 0 w 19532"/>
                  <a:gd name="connsiteY1" fmla="*/ 14541 h 22161"/>
                  <a:gd name="connsiteX2" fmla="*/ 14541 w 19532"/>
                  <a:gd name="connsiteY2" fmla="*/ 0 h 22161"/>
                  <a:gd name="connsiteX3" fmla="*/ 19533 w 19532"/>
                  <a:gd name="connsiteY3" fmla="*/ 878 h 2216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532" h="22161">
                    <a:moveTo>
                      <a:pt x="2155" y="22162"/>
                    </a:moveTo>
                    <a:cubicBezTo>
                      <a:pt x="790" y="19944"/>
                      <a:pt x="0" y="17334"/>
                      <a:pt x="0" y="14541"/>
                    </a:cubicBezTo>
                    <a:cubicBezTo>
                      <a:pt x="0" y="6509"/>
                      <a:pt x="6509" y="0"/>
                      <a:pt x="14541" y="0"/>
                    </a:cubicBezTo>
                    <a:cubicBezTo>
                      <a:pt x="16297" y="0"/>
                      <a:pt x="17978" y="310"/>
                      <a:pt x="19533" y="878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26" name="Freeform: Shape 25">
                <a:extLst>
                  <a:ext uri="{FF2B5EF4-FFF2-40B4-BE49-F238E27FC236}">
                    <a16:creationId xmlns:a16="http://schemas.microsoft.com/office/drawing/2014/main" id="{FCA00834-BFFE-4621-3FB9-A3255A362480}"/>
                  </a:ext>
                </a:extLst>
              </p:cNvPr>
              <p:cNvSpPr/>
              <p:nvPr/>
            </p:nvSpPr>
            <p:spPr>
              <a:xfrm>
                <a:off x="1973521" y="1356610"/>
                <a:ext cx="27895" cy="55427"/>
              </a:xfrm>
              <a:custGeom>
                <a:avLst/>
                <a:gdLst>
                  <a:gd name="connsiteX0" fmla="*/ 27896 w 27895"/>
                  <a:gd name="connsiteY0" fmla="*/ 4619 h 55427"/>
                  <a:gd name="connsiteX1" fmla="*/ 21299 w 27895"/>
                  <a:gd name="connsiteY1" fmla="*/ 366 h 55427"/>
                  <a:gd name="connsiteX2" fmla="*/ 6530 w 27895"/>
                  <a:gd name="connsiteY2" fmla="*/ 9232 h 55427"/>
                  <a:gd name="connsiteX3" fmla="*/ 11870 w 27895"/>
                  <a:gd name="connsiteY3" fmla="*/ 22503 h 55427"/>
                  <a:gd name="connsiteX4" fmla="*/ 331 w 27895"/>
                  <a:gd name="connsiteY4" fmla="*/ 35729 h 55427"/>
                  <a:gd name="connsiteX5" fmla="*/ 11870 w 27895"/>
                  <a:gd name="connsiteY5" fmla="*/ 54952 h 55427"/>
                  <a:gd name="connsiteX6" fmla="*/ 24787 w 27895"/>
                  <a:gd name="connsiteY6" fmla="*/ 52570 h 554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7895" h="55427">
                    <a:moveTo>
                      <a:pt x="27896" y="4619"/>
                    </a:moveTo>
                    <a:cubicBezTo>
                      <a:pt x="26285" y="2584"/>
                      <a:pt x="24016" y="1049"/>
                      <a:pt x="21299" y="366"/>
                    </a:cubicBezTo>
                    <a:cubicBezTo>
                      <a:pt x="14771" y="-1264"/>
                      <a:pt x="8161" y="2704"/>
                      <a:pt x="6530" y="9232"/>
                    </a:cubicBezTo>
                    <a:cubicBezTo>
                      <a:pt x="5222" y="14477"/>
                      <a:pt x="7529" y="19773"/>
                      <a:pt x="11870" y="22503"/>
                    </a:cubicBezTo>
                    <a:cubicBezTo>
                      <a:pt x="6379" y="23880"/>
                      <a:pt x="1709" y="28601"/>
                      <a:pt x="331" y="35729"/>
                    </a:cubicBezTo>
                    <a:cubicBezTo>
                      <a:pt x="-1331" y="44323"/>
                      <a:pt x="3377" y="52829"/>
                      <a:pt x="11870" y="54952"/>
                    </a:cubicBezTo>
                    <a:cubicBezTo>
                      <a:pt x="16502" y="56108"/>
                      <a:pt x="21160" y="55097"/>
                      <a:pt x="24787" y="52570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27" name="Freeform: Shape 26">
                <a:extLst>
                  <a:ext uri="{FF2B5EF4-FFF2-40B4-BE49-F238E27FC236}">
                    <a16:creationId xmlns:a16="http://schemas.microsoft.com/office/drawing/2014/main" id="{A99C21B5-1795-E1D6-29D0-0D2AFF970657}"/>
                  </a:ext>
                </a:extLst>
              </p:cNvPr>
              <p:cNvSpPr/>
              <p:nvPr/>
            </p:nvSpPr>
            <p:spPr>
              <a:xfrm>
                <a:off x="2007964" y="1327768"/>
                <a:ext cx="20310" cy="13365"/>
              </a:xfrm>
              <a:custGeom>
                <a:avLst/>
                <a:gdLst>
                  <a:gd name="connsiteX0" fmla="*/ 518 w 20310"/>
                  <a:gd name="connsiteY0" fmla="*/ 13365 h 13365"/>
                  <a:gd name="connsiteX1" fmla="*/ 0 w 20310"/>
                  <a:gd name="connsiteY1" fmla="*/ 10155 h 13365"/>
                  <a:gd name="connsiteX2" fmla="*/ 10155 w 20310"/>
                  <a:gd name="connsiteY2" fmla="*/ 0 h 13365"/>
                  <a:gd name="connsiteX3" fmla="*/ 20310 w 20310"/>
                  <a:gd name="connsiteY3" fmla="*/ 10155 h 133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310" h="13365">
                    <a:moveTo>
                      <a:pt x="518" y="13365"/>
                    </a:moveTo>
                    <a:cubicBezTo>
                      <a:pt x="183" y="12354"/>
                      <a:pt x="0" y="11280"/>
                      <a:pt x="0" y="10155"/>
                    </a:cubicBezTo>
                    <a:cubicBezTo>
                      <a:pt x="0" y="4544"/>
                      <a:pt x="4550" y="0"/>
                      <a:pt x="10155" y="0"/>
                    </a:cubicBezTo>
                    <a:cubicBezTo>
                      <a:pt x="15760" y="0"/>
                      <a:pt x="20310" y="4550"/>
                      <a:pt x="20310" y="10155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28" name="Freeform: Shape 27">
                <a:extLst>
                  <a:ext uri="{FF2B5EF4-FFF2-40B4-BE49-F238E27FC236}">
                    <a16:creationId xmlns:a16="http://schemas.microsoft.com/office/drawing/2014/main" id="{045F7E32-40D8-618C-236B-F9F007C49E40}"/>
                  </a:ext>
                </a:extLst>
              </p:cNvPr>
              <p:cNvSpPr/>
              <p:nvPr/>
            </p:nvSpPr>
            <p:spPr>
              <a:xfrm>
                <a:off x="1986622" y="1412036"/>
                <a:ext cx="24678" cy="19129"/>
              </a:xfrm>
              <a:custGeom>
                <a:avLst/>
                <a:gdLst>
                  <a:gd name="connsiteX0" fmla="*/ 24678 w 24678"/>
                  <a:gd name="connsiteY0" fmla="*/ 9542 h 19129"/>
                  <a:gd name="connsiteX1" fmla="*/ 23130 w 24678"/>
                  <a:gd name="connsiteY1" fmla="*/ 13233 h 19129"/>
                  <a:gd name="connsiteX2" fmla="*/ 5897 w 24678"/>
                  <a:gd name="connsiteY2" fmla="*/ 17233 h 19129"/>
                  <a:gd name="connsiteX3" fmla="*/ 1897 w 24678"/>
                  <a:gd name="connsiteY3" fmla="*/ 0 h 1912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678" h="19129">
                    <a:moveTo>
                      <a:pt x="24678" y="9542"/>
                    </a:moveTo>
                    <a:cubicBezTo>
                      <a:pt x="24375" y="10812"/>
                      <a:pt x="23856" y="12057"/>
                      <a:pt x="23130" y="13233"/>
                    </a:cubicBezTo>
                    <a:cubicBezTo>
                      <a:pt x="19477" y="19097"/>
                      <a:pt x="11761" y="20892"/>
                      <a:pt x="5897" y="17233"/>
                    </a:cubicBezTo>
                    <a:cubicBezTo>
                      <a:pt x="33" y="13580"/>
                      <a:pt x="-1762" y="5864"/>
                      <a:pt x="1897" y="0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29" name="Freeform: Shape 28">
                <a:extLst>
                  <a:ext uri="{FF2B5EF4-FFF2-40B4-BE49-F238E27FC236}">
                    <a16:creationId xmlns:a16="http://schemas.microsoft.com/office/drawing/2014/main" id="{0D29F8D1-F9CE-4EAA-875A-1F564EFDF528}"/>
                  </a:ext>
                </a:extLst>
              </p:cNvPr>
              <p:cNvSpPr/>
              <p:nvPr/>
            </p:nvSpPr>
            <p:spPr>
              <a:xfrm>
                <a:off x="1991180" y="1377046"/>
                <a:ext cx="9145" cy="15716"/>
              </a:xfrm>
              <a:custGeom>
                <a:avLst/>
                <a:gdLst>
                  <a:gd name="connsiteX0" fmla="*/ 6578 w 9145"/>
                  <a:gd name="connsiteY0" fmla="*/ 0 h 15716"/>
                  <a:gd name="connsiteX1" fmla="*/ 9144 w 9145"/>
                  <a:gd name="connsiteY1" fmla="*/ 6256 h 15716"/>
                  <a:gd name="connsiteX2" fmla="*/ 0 w 9145"/>
                  <a:gd name="connsiteY2" fmla="*/ 15716 h 1571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9145" h="15716">
                    <a:moveTo>
                      <a:pt x="6578" y="0"/>
                    </a:moveTo>
                    <a:cubicBezTo>
                      <a:pt x="8133" y="1630"/>
                      <a:pt x="9100" y="3829"/>
                      <a:pt x="9144" y="6256"/>
                    </a:cubicBezTo>
                    <a:cubicBezTo>
                      <a:pt x="9233" y="11394"/>
                      <a:pt x="5138" y="15628"/>
                      <a:pt x="0" y="15716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0" name="Freeform: Shape 29">
                <a:extLst>
                  <a:ext uri="{FF2B5EF4-FFF2-40B4-BE49-F238E27FC236}">
                    <a16:creationId xmlns:a16="http://schemas.microsoft.com/office/drawing/2014/main" id="{6734370F-4086-8D5C-2D81-B1A3077DFA00}"/>
                  </a:ext>
                </a:extLst>
              </p:cNvPr>
              <p:cNvSpPr/>
              <p:nvPr/>
            </p:nvSpPr>
            <p:spPr>
              <a:xfrm>
                <a:off x="2001682" y="1431177"/>
                <a:ext cx="26522" cy="9052"/>
              </a:xfrm>
              <a:custGeom>
                <a:avLst/>
                <a:gdLst>
                  <a:gd name="connsiteX0" fmla="*/ 26522 w 26522"/>
                  <a:gd name="connsiteY0" fmla="*/ 986 h 9052"/>
                  <a:gd name="connsiteX1" fmla="*/ 23805 w 26522"/>
                  <a:gd name="connsiteY1" fmla="*/ 4765 h 9052"/>
                  <a:gd name="connsiteX2" fmla="*/ 3210 w 26522"/>
                  <a:gd name="connsiteY2" fmla="*/ 4809 h 9052"/>
                  <a:gd name="connsiteX3" fmla="*/ 0 w 26522"/>
                  <a:gd name="connsiteY3" fmla="*/ 0 h 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6522" h="9052">
                    <a:moveTo>
                      <a:pt x="26522" y="986"/>
                    </a:moveTo>
                    <a:cubicBezTo>
                      <a:pt x="25839" y="2351"/>
                      <a:pt x="24936" y="3627"/>
                      <a:pt x="23805" y="4765"/>
                    </a:cubicBezTo>
                    <a:cubicBezTo>
                      <a:pt x="18130" y="10465"/>
                      <a:pt x="8904" y="10484"/>
                      <a:pt x="3210" y="4809"/>
                    </a:cubicBezTo>
                    <a:cubicBezTo>
                      <a:pt x="1788" y="3387"/>
                      <a:pt x="714" y="1750"/>
                      <a:pt x="0" y="0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1" name="Freeform: Shape 30">
                <a:extLst>
                  <a:ext uri="{FF2B5EF4-FFF2-40B4-BE49-F238E27FC236}">
                    <a16:creationId xmlns:a16="http://schemas.microsoft.com/office/drawing/2014/main" id="{55CF3EE4-AD70-729D-6638-216021FD2CC5}"/>
                  </a:ext>
                </a:extLst>
              </p:cNvPr>
              <p:cNvSpPr/>
              <p:nvPr/>
            </p:nvSpPr>
            <p:spPr>
              <a:xfrm>
                <a:off x="2028280" y="1337930"/>
                <a:ext cx="631" cy="9118"/>
              </a:xfrm>
              <a:custGeom>
                <a:avLst/>
                <a:gdLst>
                  <a:gd name="connsiteX0" fmla="*/ 0 w 631"/>
                  <a:gd name="connsiteY0" fmla="*/ 0 h 9118"/>
                  <a:gd name="connsiteX1" fmla="*/ 0 w 631"/>
                  <a:gd name="connsiteY1" fmla="*/ 9119 h 911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631" h="9118">
                    <a:moveTo>
                      <a:pt x="0" y="0"/>
                    </a:moveTo>
                    <a:lnTo>
                      <a:pt x="0" y="9119"/>
                    </a:lnTo>
                  </a:path>
                </a:pathLst>
              </a:custGeom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2" name="Freeform: Shape 31">
                <a:extLst>
                  <a:ext uri="{FF2B5EF4-FFF2-40B4-BE49-F238E27FC236}">
                    <a16:creationId xmlns:a16="http://schemas.microsoft.com/office/drawing/2014/main" id="{1A8C4440-5802-B2FA-0583-6ED63A4533E1}"/>
                  </a:ext>
                </a:extLst>
              </p:cNvPr>
              <p:cNvSpPr/>
              <p:nvPr/>
            </p:nvSpPr>
            <p:spPr>
              <a:xfrm>
                <a:off x="2009474" y="1402389"/>
                <a:ext cx="9023" cy="9703"/>
              </a:xfrm>
              <a:custGeom>
                <a:avLst/>
                <a:gdLst>
                  <a:gd name="connsiteX0" fmla="*/ 0 w 9023"/>
                  <a:gd name="connsiteY0" fmla="*/ 29 h 9703"/>
                  <a:gd name="connsiteX1" fmla="*/ 8961 w 9023"/>
                  <a:gd name="connsiteY1" fmla="*/ 9704 h 970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9023" h="9703">
                    <a:moveTo>
                      <a:pt x="0" y="29"/>
                    </a:moveTo>
                    <a:cubicBezTo>
                      <a:pt x="5681" y="-401"/>
                      <a:pt x="9567" y="4041"/>
                      <a:pt x="8961" y="9704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3" name="Freeform: Shape 32">
                <a:extLst>
                  <a:ext uri="{FF2B5EF4-FFF2-40B4-BE49-F238E27FC236}">
                    <a16:creationId xmlns:a16="http://schemas.microsoft.com/office/drawing/2014/main" id="{4DF81258-0423-B09B-A4DC-6C6659611A93}"/>
                  </a:ext>
                </a:extLst>
              </p:cNvPr>
              <p:cNvSpPr/>
              <p:nvPr/>
            </p:nvSpPr>
            <p:spPr>
              <a:xfrm>
                <a:off x="2011275" y="1350587"/>
                <a:ext cx="6850" cy="5358"/>
              </a:xfrm>
              <a:custGeom>
                <a:avLst/>
                <a:gdLst>
                  <a:gd name="connsiteX0" fmla="*/ 6850 w 6850"/>
                  <a:gd name="connsiteY0" fmla="*/ 0 h 5358"/>
                  <a:gd name="connsiteX1" fmla="*/ 0 w 6850"/>
                  <a:gd name="connsiteY1" fmla="*/ 5213 h 535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6850" h="5358">
                    <a:moveTo>
                      <a:pt x="6850" y="0"/>
                    </a:moveTo>
                    <a:cubicBezTo>
                      <a:pt x="6774" y="3722"/>
                      <a:pt x="3640" y="5965"/>
                      <a:pt x="0" y="5213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4" name="Freeform: Shape 33">
                <a:extLst>
                  <a:ext uri="{FF2B5EF4-FFF2-40B4-BE49-F238E27FC236}">
                    <a16:creationId xmlns:a16="http://schemas.microsoft.com/office/drawing/2014/main" id="{71DF047A-D337-AF50-B8B3-EE4D659591DB}"/>
                  </a:ext>
                </a:extLst>
              </p:cNvPr>
              <p:cNvSpPr/>
              <p:nvPr/>
            </p:nvSpPr>
            <p:spPr>
              <a:xfrm>
                <a:off x="2010965" y="1374714"/>
                <a:ext cx="5334" cy="9719"/>
              </a:xfrm>
              <a:custGeom>
                <a:avLst/>
                <a:gdLst>
                  <a:gd name="connsiteX0" fmla="*/ 4841 w 5334"/>
                  <a:gd name="connsiteY0" fmla="*/ 9719 h 9719"/>
                  <a:gd name="connsiteX1" fmla="*/ 0 w 5334"/>
                  <a:gd name="connsiteY1" fmla="*/ 0 h 9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5334" h="9719">
                    <a:moveTo>
                      <a:pt x="4841" y="9719"/>
                    </a:moveTo>
                    <a:cubicBezTo>
                      <a:pt x="6300" y="5687"/>
                      <a:pt x="4474" y="847"/>
                      <a:pt x="0" y="0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5" name="Freeform: Shape 34">
                <a:extLst>
                  <a:ext uri="{FF2B5EF4-FFF2-40B4-BE49-F238E27FC236}">
                    <a16:creationId xmlns:a16="http://schemas.microsoft.com/office/drawing/2014/main" id="{BBB7B578-CA49-6A1F-DA80-BFFD18755A15}"/>
                  </a:ext>
                </a:extLst>
              </p:cNvPr>
              <p:cNvSpPr/>
              <p:nvPr/>
            </p:nvSpPr>
            <p:spPr>
              <a:xfrm>
                <a:off x="2049273" y="1334454"/>
                <a:ext cx="19532" cy="22161"/>
              </a:xfrm>
              <a:custGeom>
                <a:avLst/>
                <a:gdLst>
                  <a:gd name="connsiteX0" fmla="*/ 17378 w 19532"/>
                  <a:gd name="connsiteY0" fmla="*/ 22162 h 22161"/>
                  <a:gd name="connsiteX1" fmla="*/ 19533 w 19532"/>
                  <a:gd name="connsiteY1" fmla="*/ 14541 h 22161"/>
                  <a:gd name="connsiteX2" fmla="*/ 4992 w 19532"/>
                  <a:gd name="connsiteY2" fmla="*/ 0 h 22161"/>
                  <a:gd name="connsiteX3" fmla="*/ 0 w 19532"/>
                  <a:gd name="connsiteY3" fmla="*/ 878 h 2216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532" h="22161">
                    <a:moveTo>
                      <a:pt x="17378" y="22162"/>
                    </a:moveTo>
                    <a:cubicBezTo>
                      <a:pt x="18743" y="19944"/>
                      <a:pt x="19533" y="17334"/>
                      <a:pt x="19533" y="14541"/>
                    </a:cubicBezTo>
                    <a:cubicBezTo>
                      <a:pt x="19533" y="6509"/>
                      <a:pt x="13024" y="0"/>
                      <a:pt x="4992" y="0"/>
                    </a:cubicBezTo>
                    <a:cubicBezTo>
                      <a:pt x="3236" y="0"/>
                      <a:pt x="1555" y="310"/>
                      <a:pt x="0" y="878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6" name="Freeform: Shape 35">
                <a:extLst>
                  <a:ext uri="{FF2B5EF4-FFF2-40B4-BE49-F238E27FC236}">
                    <a16:creationId xmlns:a16="http://schemas.microsoft.com/office/drawing/2014/main" id="{8C10D945-142D-6FC5-98CC-E77544510AA2}"/>
                  </a:ext>
                </a:extLst>
              </p:cNvPr>
              <p:cNvSpPr/>
              <p:nvPr/>
            </p:nvSpPr>
            <p:spPr>
              <a:xfrm>
                <a:off x="2055143" y="1356610"/>
                <a:ext cx="27958" cy="55427"/>
              </a:xfrm>
              <a:custGeom>
                <a:avLst/>
                <a:gdLst>
                  <a:gd name="connsiteX0" fmla="*/ 0 w 27958"/>
                  <a:gd name="connsiteY0" fmla="*/ 4619 h 55427"/>
                  <a:gd name="connsiteX1" fmla="*/ 6597 w 27958"/>
                  <a:gd name="connsiteY1" fmla="*/ 366 h 55427"/>
                  <a:gd name="connsiteX2" fmla="*/ 21366 w 27958"/>
                  <a:gd name="connsiteY2" fmla="*/ 9232 h 55427"/>
                  <a:gd name="connsiteX3" fmla="*/ 16026 w 27958"/>
                  <a:gd name="connsiteY3" fmla="*/ 22503 h 55427"/>
                  <a:gd name="connsiteX4" fmla="*/ 27565 w 27958"/>
                  <a:gd name="connsiteY4" fmla="*/ 35729 h 55427"/>
                  <a:gd name="connsiteX5" fmla="*/ 16026 w 27958"/>
                  <a:gd name="connsiteY5" fmla="*/ 54952 h 55427"/>
                  <a:gd name="connsiteX6" fmla="*/ 3109 w 27958"/>
                  <a:gd name="connsiteY6" fmla="*/ 52570 h 554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7958" h="55427">
                    <a:moveTo>
                      <a:pt x="0" y="4619"/>
                    </a:moveTo>
                    <a:cubicBezTo>
                      <a:pt x="1611" y="2584"/>
                      <a:pt x="3880" y="1049"/>
                      <a:pt x="6597" y="366"/>
                    </a:cubicBezTo>
                    <a:cubicBezTo>
                      <a:pt x="13125" y="-1264"/>
                      <a:pt x="19735" y="2704"/>
                      <a:pt x="21366" y="9232"/>
                    </a:cubicBezTo>
                    <a:cubicBezTo>
                      <a:pt x="22674" y="14477"/>
                      <a:pt x="20367" y="19773"/>
                      <a:pt x="16026" y="22503"/>
                    </a:cubicBezTo>
                    <a:cubicBezTo>
                      <a:pt x="21517" y="23880"/>
                      <a:pt x="26048" y="28778"/>
                      <a:pt x="27565" y="35729"/>
                    </a:cubicBezTo>
                    <a:cubicBezTo>
                      <a:pt x="29429" y="44285"/>
                      <a:pt x="24519" y="52829"/>
                      <a:pt x="16026" y="54952"/>
                    </a:cubicBezTo>
                    <a:cubicBezTo>
                      <a:pt x="11394" y="56108"/>
                      <a:pt x="6736" y="55097"/>
                      <a:pt x="3109" y="52570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7" name="Freeform: Shape 36">
                <a:extLst>
                  <a:ext uri="{FF2B5EF4-FFF2-40B4-BE49-F238E27FC236}">
                    <a16:creationId xmlns:a16="http://schemas.microsoft.com/office/drawing/2014/main" id="{4AE18451-CEB7-6E67-46D7-068A8E350D9F}"/>
                  </a:ext>
                </a:extLst>
              </p:cNvPr>
              <p:cNvSpPr/>
              <p:nvPr/>
            </p:nvSpPr>
            <p:spPr>
              <a:xfrm>
                <a:off x="2028287" y="1327768"/>
                <a:ext cx="20310" cy="13365"/>
              </a:xfrm>
              <a:custGeom>
                <a:avLst/>
                <a:gdLst>
                  <a:gd name="connsiteX0" fmla="*/ 19792 w 20310"/>
                  <a:gd name="connsiteY0" fmla="*/ 13365 h 13365"/>
                  <a:gd name="connsiteX1" fmla="*/ 20310 w 20310"/>
                  <a:gd name="connsiteY1" fmla="*/ 10155 h 13365"/>
                  <a:gd name="connsiteX2" fmla="*/ 10155 w 20310"/>
                  <a:gd name="connsiteY2" fmla="*/ 0 h 13365"/>
                  <a:gd name="connsiteX3" fmla="*/ 0 w 20310"/>
                  <a:gd name="connsiteY3" fmla="*/ 10155 h 133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310" h="13365">
                    <a:moveTo>
                      <a:pt x="19792" y="13365"/>
                    </a:moveTo>
                    <a:cubicBezTo>
                      <a:pt x="20127" y="12354"/>
                      <a:pt x="20310" y="11280"/>
                      <a:pt x="20310" y="10155"/>
                    </a:cubicBezTo>
                    <a:cubicBezTo>
                      <a:pt x="20310" y="4544"/>
                      <a:pt x="15760" y="0"/>
                      <a:pt x="10155" y="0"/>
                    </a:cubicBezTo>
                    <a:cubicBezTo>
                      <a:pt x="4550" y="0"/>
                      <a:pt x="0" y="4550"/>
                      <a:pt x="0" y="10155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8" name="Freeform: Shape 37">
                <a:extLst>
                  <a:ext uri="{FF2B5EF4-FFF2-40B4-BE49-F238E27FC236}">
                    <a16:creationId xmlns:a16="http://schemas.microsoft.com/office/drawing/2014/main" id="{06A53510-579C-CB70-758F-DBDA2134DB56}"/>
                  </a:ext>
                </a:extLst>
              </p:cNvPr>
              <p:cNvSpPr/>
              <p:nvPr/>
            </p:nvSpPr>
            <p:spPr>
              <a:xfrm>
                <a:off x="2045260" y="1412036"/>
                <a:ext cx="24677" cy="19129"/>
              </a:xfrm>
              <a:custGeom>
                <a:avLst/>
                <a:gdLst>
                  <a:gd name="connsiteX0" fmla="*/ 0 w 24677"/>
                  <a:gd name="connsiteY0" fmla="*/ 9542 h 19129"/>
                  <a:gd name="connsiteX1" fmla="*/ 1548 w 24677"/>
                  <a:gd name="connsiteY1" fmla="*/ 13233 h 19129"/>
                  <a:gd name="connsiteX2" fmla="*/ 18781 w 24677"/>
                  <a:gd name="connsiteY2" fmla="*/ 17233 h 19129"/>
                  <a:gd name="connsiteX3" fmla="*/ 22781 w 24677"/>
                  <a:gd name="connsiteY3" fmla="*/ 0 h 1912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677" h="19129">
                    <a:moveTo>
                      <a:pt x="0" y="9542"/>
                    </a:moveTo>
                    <a:cubicBezTo>
                      <a:pt x="303" y="10812"/>
                      <a:pt x="822" y="12057"/>
                      <a:pt x="1548" y="13233"/>
                    </a:cubicBezTo>
                    <a:cubicBezTo>
                      <a:pt x="5201" y="19097"/>
                      <a:pt x="12917" y="20892"/>
                      <a:pt x="18781" y="17233"/>
                    </a:cubicBezTo>
                    <a:cubicBezTo>
                      <a:pt x="24645" y="13580"/>
                      <a:pt x="26440" y="5864"/>
                      <a:pt x="22781" y="0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39" name="Freeform: Shape 38">
                <a:extLst>
                  <a:ext uri="{FF2B5EF4-FFF2-40B4-BE49-F238E27FC236}">
                    <a16:creationId xmlns:a16="http://schemas.microsoft.com/office/drawing/2014/main" id="{96BF9D0F-75FF-9558-ECD7-4FEFD0314D9C}"/>
                  </a:ext>
                </a:extLst>
              </p:cNvPr>
              <p:cNvSpPr/>
              <p:nvPr/>
            </p:nvSpPr>
            <p:spPr>
              <a:xfrm>
                <a:off x="2056229" y="1377046"/>
                <a:ext cx="9145" cy="15716"/>
              </a:xfrm>
              <a:custGeom>
                <a:avLst/>
                <a:gdLst>
                  <a:gd name="connsiteX0" fmla="*/ 2567 w 9145"/>
                  <a:gd name="connsiteY0" fmla="*/ 0 h 15716"/>
                  <a:gd name="connsiteX1" fmla="*/ 1 w 9145"/>
                  <a:gd name="connsiteY1" fmla="*/ 6256 h 15716"/>
                  <a:gd name="connsiteX2" fmla="*/ 9146 w 9145"/>
                  <a:gd name="connsiteY2" fmla="*/ 15716 h 1571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9145" h="15716">
                    <a:moveTo>
                      <a:pt x="2567" y="0"/>
                    </a:moveTo>
                    <a:cubicBezTo>
                      <a:pt x="1013" y="1630"/>
                      <a:pt x="46" y="3829"/>
                      <a:pt x="1" y="6256"/>
                    </a:cubicBezTo>
                    <a:cubicBezTo>
                      <a:pt x="-87" y="11394"/>
                      <a:pt x="4008" y="15628"/>
                      <a:pt x="9146" y="15716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0" name="Freeform: Shape 39">
                <a:extLst>
                  <a:ext uri="{FF2B5EF4-FFF2-40B4-BE49-F238E27FC236}">
                    <a16:creationId xmlns:a16="http://schemas.microsoft.com/office/drawing/2014/main" id="{0C122CA6-89D4-A904-0A30-8CD5E661BC95}"/>
                  </a:ext>
                </a:extLst>
              </p:cNvPr>
              <p:cNvSpPr/>
              <p:nvPr/>
            </p:nvSpPr>
            <p:spPr>
              <a:xfrm>
                <a:off x="2028356" y="1431177"/>
                <a:ext cx="26522" cy="9052"/>
              </a:xfrm>
              <a:custGeom>
                <a:avLst/>
                <a:gdLst>
                  <a:gd name="connsiteX0" fmla="*/ 0 w 26522"/>
                  <a:gd name="connsiteY0" fmla="*/ 986 h 9052"/>
                  <a:gd name="connsiteX1" fmla="*/ 2717 w 26522"/>
                  <a:gd name="connsiteY1" fmla="*/ 4765 h 9052"/>
                  <a:gd name="connsiteX2" fmla="*/ 23312 w 26522"/>
                  <a:gd name="connsiteY2" fmla="*/ 4809 h 9052"/>
                  <a:gd name="connsiteX3" fmla="*/ 26522 w 26522"/>
                  <a:gd name="connsiteY3" fmla="*/ 0 h 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6522" h="9052">
                    <a:moveTo>
                      <a:pt x="0" y="986"/>
                    </a:moveTo>
                    <a:cubicBezTo>
                      <a:pt x="683" y="2351"/>
                      <a:pt x="1586" y="3627"/>
                      <a:pt x="2717" y="4765"/>
                    </a:cubicBezTo>
                    <a:cubicBezTo>
                      <a:pt x="8392" y="10465"/>
                      <a:pt x="17618" y="10484"/>
                      <a:pt x="23312" y="4809"/>
                    </a:cubicBezTo>
                    <a:cubicBezTo>
                      <a:pt x="24734" y="3387"/>
                      <a:pt x="25808" y="1750"/>
                      <a:pt x="26522" y="0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1" name="Freeform: Shape 40">
                <a:extLst>
                  <a:ext uri="{FF2B5EF4-FFF2-40B4-BE49-F238E27FC236}">
                    <a16:creationId xmlns:a16="http://schemas.microsoft.com/office/drawing/2014/main" id="{D6DB5BA7-182D-1BFF-A40F-81C2AFF8DE0E}"/>
                  </a:ext>
                </a:extLst>
              </p:cNvPr>
              <p:cNvSpPr/>
              <p:nvPr/>
            </p:nvSpPr>
            <p:spPr>
              <a:xfrm>
                <a:off x="2038063" y="1402389"/>
                <a:ext cx="9022" cy="9703"/>
              </a:xfrm>
              <a:custGeom>
                <a:avLst/>
                <a:gdLst>
                  <a:gd name="connsiteX0" fmla="*/ 9023 w 9022"/>
                  <a:gd name="connsiteY0" fmla="*/ 29 h 9703"/>
                  <a:gd name="connsiteX1" fmla="*/ 62 w 9022"/>
                  <a:gd name="connsiteY1" fmla="*/ 9704 h 970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9022" h="9703">
                    <a:moveTo>
                      <a:pt x="9023" y="29"/>
                    </a:moveTo>
                    <a:cubicBezTo>
                      <a:pt x="3342" y="-401"/>
                      <a:pt x="-544" y="4041"/>
                      <a:pt x="62" y="9704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2" name="Freeform: Shape 41">
                <a:extLst>
                  <a:ext uri="{FF2B5EF4-FFF2-40B4-BE49-F238E27FC236}">
                    <a16:creationId xmlns:a16="http://schemas.microsoft.com/office/drawing/2014/main" id="{FA845A46-55A9-B592-2487-C58EB6FA6074}"/>
                  </a:ext>
                </a:extLst>
              </p:cNvPr>
              <p:cNvSpPr/>
              <p:nvPr/>
            </p:nvSpPr>
            <p:spPr>
              <a:xfrm>
                <a:off x="2038435" y="1350587"/>
                <a:ext cx="6850" cy="5358"/>
              </a:xfrm>
              <a:custGeom>
                <a:avLst/>
                <a:gdLst>
                  <a:gd name="connsiteX0" fmla="*/ 0 w 6850"/>
                  <a:gd name="connsiteY0" fmla="*/ 0 h 5358"/>
                  <a:gd name="connsiteX1" fmla="*/ 6850 w 6850"/>
                  <a:gd name="connsiteY1" fmla="*/ 5213 h 535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6850" h="5358">
                    <a:moveTo>
                      <a:pt x="0" y="0"/>
                    </a:moveTo>
                    <a:cubicBezTo>
                      <a:pt x="76" y="3722"/>
                      <a:pt x="3210" y="5965"/>
                      <a:pt x="6850" y="5213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43" name="Freeform: Shape 42">
                <a:extLst>
                  <a:ext uri="{FF2B5EF4-FFF2-40B4-BE49-F238E27FC236}">
                    <a16:creationId xmlns:a16="http://schemas.microsoft.com/office/drawing/2014/main" id="{BC77C5E6-2CCA-104E-7720-4FA568B01644}"/>
                  </a:ext>
                </a:extLst>
              </p:cNvPr>
              <p:cNvSpPr/>
              <p:nvPr/>
            </p:nvSpPr>
            <p:spPr>
              <a:xfrm>
                <a:off x="2040261" y="1374714"/>
                <a:ext cx="5334" cy="9719"/>
              </a:xfrm>
              <a:custGeom>
                <a:avLst/>
                <a:gdLst>
                  <a:gd name="connsiteX0" fmla="*/ 494 w 5334"/>
                  <a:gd name="connsiteY0" fmla="*/ 9719 h 9719"/>
                  <a:gd name="connsiteX1" fmla="*/ 5334 w 5334"/>
                  <a:gd name="connsiteY1" fmla="*/ 0 h 9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5334" h="9719">
                    <a:moveTo>
                      <a:pt x="494" y="9719"/>
                    </a:moveTo>
                    <a:cubicBezTo>
                      <a:pt x="-966" y="5687"/>
                      <a:pt x="860" y="847"/>
                      <a:pt x="5334" y="0"/>
                    </a:cubicBezTo>
                  </a:path>
                </a:pathLst>
              </a:custGeom>
              <a:noFill/>
              <a:ln w="1905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</p:grp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3AF78EEC-64B9-7555-1A56-7BE8182CCCDB}"/>
                </a:ext>
              </a:extLst>
            </p:cNvPr>
            <p:cNvSpPr/>
            <p:nvPr/>
          </p:nvSpPr>
          <p:spPr>
            <a:xfrm>
              <a:off x="2065261" y="1297385"/>
              <a:ext cx="25214" cy="15381"/>
            </a:xfrm>
            <a:custGeom>
              <a:avLst/>
              <a:gdLst>
                <a:gd name="connsiteX0" fmla="*/ 0 w 25214"/>
                <a:gd name="connsiteY0" fmla="*/ 15381 h 15381"/>
                <a:gd name="connsiteX1" fmla="*/ 7608 w 25214"/>
                <a:gd name="connsiteY1" fmla="*/ 6654 h 15381"/>
                <a:gd name="connsiteX2" fmla="*/ 13479 w 25214"/>
                <a:gd name="connsiteY2" fmla="*/ 13473 h 15381"/>
                <a:gd name="connsiteX3" fmla="*/ 25214 w 25214"/>
                <a:gd name="connsiteY3" fmla="*/ 0 h 1538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214" h="15381">
                  <a:moveTo>
                    <a:pt x="0" y="15381"/>
                  </a:moveTo>
                  <a:lnTo>
                    <a:pt x="7608" y="6654"/>
                  </a:lnTo>
                  <a:lnTo>
                    <a:pt x="13479" y="13473"/>
                  </a:lnTo>
                  <a:lnTo>
                    <a:pt x="25214" y="0"/>
                  </a:ln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BC768783-FF6B-EF73-B2B0-F1B2FFBD4D7B}"/>
                </a:ext>
              </a:extLst>
            </p:cNvPr>
            <p:cNvSpPr/>
            <p:nvPr/>
          </p:nvSpPr>
          <p:spPr>
            <a:xfrm>
              <a:off x="2081647" y="1338258"/>
              <a:ext cx="29030" cy="8461"/>
            </a:xfrm>
            <a:custGeom>
              <a:avLst/>
              <a:gdLst>
                <a:gd name="connsiteX0" fmla="*/ 0 w 29030"/>
                <a:gd name="connsiteY0" fmla="*/ 5454 h 8461"/>
                <a:gd name="connsiteX1" fmla="*/ 10212 w 29030"/>
                <a:gd name="connsiteY1" fmla="*/ 0 h 8461"/>
                <a:gd name="connsiteX2" fmla="*/ 13270 w 29030"/>
                <a:gd name="connsiteY2" fmla="*/ 8462 h 8461"/>
                <a:gd name="connsiteX3" fmla="*/ 29031 w 29030"/>
                <a:gd name="connsiteY3" fmla="*/ 25 h 846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9030" h="8461">
                  <a:moveTo>
                    <a:pt x="0" y="5454"/>
                  </a:moveTo>
                  <a:lnTo>
                    <a:pt x="10212" y="0"/>
                  </a:lnTo>
                  <a:lnTo>
                    <a:pt x="13270" y="8462"/>
                  </a:lnTo>
                  <a:lnTo>
                    <a:pt x="29031" y="25"/>
                  </a:ln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3DA53652-992F-89A1-9C1B-D94DA5F48531}"/>
                </a:ext>
              </a:extLst>
            </p:cNvPr>
            <p:cNvSpPr/>
            <p:nvPr/>
          </p:nvSpPr>
          <p:spPr>
            <a:xfrm>
              <a:off x="2085147" y="1431177"/>
              <a:ext cx="25529" cy="14850"/>
            </a:xfrm>
            <a:custGeom>
              <a:avLst/>
              <a:gdLst>
                <a:gd name="connsiteX0" fmla="*/ 0 w 25529"/>
                <a:gd name="connsiteY0" fmla="*/ 0 h 14850"/>
                <a:gd name="connsiteX1" fmla="*/ 11293 w 25529"/>
                <a:gd name="connsiteY1" fmla="*/ 2540 h 14850"/>
                <a:gd name="connsiteX2" fmla="*/ 8089 w 25529"/>
                <a:gd name="connsiteY2" fmla="*/ 10945 h 14850"/>
                <a:gd name="connsiteX3" fmla="*/ 25530 w 25529"/>
                <a:gd name="connsiteY3" fmla="*/ 14850 h 148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529" h="14850">
                  <a:moveTo>
                    <a:pt x="0" y="0"/>
                  </a:moveTo>
                  <a:lnTo>
                    <a:pt x="11293" y="2540"/>
                  </a:lnTo>
                  <a:lnTo>
                    <a:pt x="8089" y="10945"/>
                  </a:lnTo>
                  <a:lnTo>
                    <a:pt x="25530" y="14850"/>
                  </a:ln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A5B80D89-84BE-C90E-0855-B8262B297F07}"/>
                </a:ext>
              </a:extLst>
            </p:cNvPr>
            <p:cNvSpPr/>
            <p:nvPr/>
          </p:nvSpPr>
          <p:spPr>
            <a:xfrm>
              <a:off x="1966149" y="1297385"/>
              <a:ext cx="25213" cy="15381"/>
            </a:xfrm>
            <a:custGeom>
              <a:avLst/>
              <a:gdLst>
                <a:gd name="connsiteX0" fmla="*/ 25214 w 25213"/>
                <a:gd name="connsiteY0" fmla="*/ 15381 h 15381"/>
                <a:gd name="connsiteX1" fmla="*/ 17605 w 25213"/>
                <a:gd name="connsiteY1" fmla="*/ 6654 h 15381"/>
                <a:gd name="connsiteX2" fmla="*/ 11735 w 25213"/>
                <a:gd name="connsiteY2" fmla="*/ 13473 h 15381"/>
                <a:gd name="connsiteX3" fmla="*/ 0 w 25213"/>
                <a:gd name="connsiteY3" fmla="*/ 0 h 1538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213" h="15381">
                  <a:moveTo>
                    <a:pt x="25214" y="15381"/>
                  </a:moveTo>
                  <a:lnTo>
                    <a:pt x="17605" y="6654"/>
                  </a:lnTo>
                  <a:lnTo>
                    <a:pt x="11735" y="13473"/>
                  </a:lnTo>
                  <a:lnTo>
                    <a:pt x="0" y="0"/>
                  </a:ln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9EC82378-3971-7151-21BD-55E6D4767F2F}"/>
                </a:ext>
              </a:extLst>
            </p:cNvPr>
            <p:cNvSpPr/>
            <p:nvPr/>
          </p:nvSpPr>
          <p:spPr>
            <a:xfrm>
              <a:off x="1945946" y="1338258"/>
              <a:ext cx="29030" cy="8461"/>
            </a:xfrm>
            <a:custGeom>
              <a:avLst/>
              <a:gdLst>
                <a:gd name="connsiteX0" fmla="*/ 29031 w 29030"/>
                <a:gd name="connsiteY0" fmla="*/ 5454 h 8461"/>
                <a:gd name="connsiteX1" fmla="*/ 18819 w 29030"/>
                <a:gd name="connsiteY1" fmla="*/ 0 h 8461"/>
                <a:gd name="connsiteX2" fmla="*/ 15754 w 29030"/>
                <a:gd name="connsiteY2" fmla="*/ 8462 h 8461"/>
                <a:gd name="connsiteX3" fmla="*/ 0 w 29030"/>
                <a:gd name="connsiteY3" fmla="*/ 25 h 846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9030" h="8461">
                  <a:moveTo>
                    <a:pt x="29031" y="5454"/>
                  </a:moveTo>
                  <a:lnTo>
                    <a:pt x="18819" y="0"/>
                  </a:lnTo>
                  <a:lnTo>
                    <a:pt x="15754" y="8462"/>
                  </a:lnTo>
                  <a:lnTo>
                    <a:pt x="0" y="25"/>
                  </a:ln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912FC6C-91A4-8B34-F74A-66262C065E3A}"/>
                </a:ext>
              </a:extLst>
            </p:cNvPr>
            <p:cNvSpPr/>
            <p:nvPr/>
          </p:nvSpPr>
          <p:spPr>
            <a:xfrm>
              <a:off x="1945946" y="1431177"/>
              <a:ext cx="25529" cy="14850"/>
            </a:xfrm>
            <a:custGeom>
              <a:avLst/>
              <a:gdLst>
                <a:gd name="connsiteX0" fmla="*/ 25530 w 25529"/>
                <a:gd name="connsiteY0" fmla="*/ 0 h 14850"/>
                <a:gd name="connsiteX1" fmla="*/ 14237 w 25529"/>
                <a:gd name="connsiteY1" fmla="*/ 2540 h 14850"/>
                <a:gd name="connsiteX2" fmla="*/ 17441 w 25529"/>
                <a:gd name="connsiteY2" fmla="*/ 10945 h 14850"/>
                <a:gd name="connsiteX3" fmla="*/ 0 w 25529"/>
                <a:gd name="connsiteY3" fmla="*/ 14850 h 148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529" h="14850">
                  <a:moveTo>
                    <a:pt x="25530" y="0"/>
                  </a:moveTo>
                  <a:lnTo>
                    <a:pt x="14237" y="2540"/>
                  </a:lnTo>
                  <a:lnTo>
                    <a:pt x="17441" y="10945"/>
                  </a:lnTo>
                  <a:lnTo>
                    <a:pt x="0" y="14850"/>
                  </a:ln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79DCF470-C49F-E2D5-3318-83F9A5316E59}"/>
              </a:ext>
            </a:extLst>
          </p:cNvPr>
          <p:cNvGrpSpPr/>
          <p:nvPr/>
        </p:nvGrpSpPr>
        <p:grpSpPr>
          <a:xfrm>
            <a:off x="4568799" y="2335945"/>
            <a:ext cx="541039" cy="731263"/>
            <a:chOff x="919163" y="755651"/>
            <a:chExt cx="898525" cy="1214438"/>
          </a:xfrm>
        </p:grpSpPr>
        <p:sp>
          <p:nvSpPr>
            <p:cNvPr id="45" name="Freeform 5">
              <a:extLst>
                <a:ext uri="{FF2B5EF4-FFF2-40B4-BE49-F238E27FC236}">
                  <a16:creationId xmlns:a16="http://schemas.microsoft.com/office/drawing/2014/main" id="{EC1505B1-2993-BC0D-3873-09ABB7B8EA19}"/>
                </a:ext>
              </a:extLst>
            </p:cNvPr>
            <p:cNvSpPr>
              <a:spLocks/>
            </p:cNvSpPr>
            <p:nvPr/>
          </p:nvSpPr>
          <p:spPr bwMode="auto">
            <a:xfrm>
              <a:off x="1625600" y="987426"/>
              <a:ext cx="192088" cy="192088"/>
            </a:xfrm>
            <a:custGeom>
              <a:avLst/>
              <a:gdLst>
                <a:gd name="T0" fmla="*/ 214 w 223"/>
                <a:gd name="T1" fmla="*/ 128 h 223"/>
                <a:gd name="T2" fmla="*/ 95 w 223"/>
                <a:gd name="T3" fmla="*/ 214 h 223"/>
                <a:gd name="T4" fmla="*/ 8 w 223"/>
                <a:gd name="T5" fmla="*/ 96 h 223"/>
                <a:gd name="T6" fmla="*/ 127 w 223"/>
                <a:gd name="T7" fmla="*/ 9 h 223"/>
                <a:gd name="T8" fmla="*/ 214 w 223"/>
                <a:gd name="T9" fmla="*/ 128 h 2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3" h="223">
                  <a:moveTo>
                    <a:pt x="214" y="128"/>
                  </a:moveTo>
                  <a:cubicBezTo>
                    <a:pt x="205" y="184"/>
                    <a:pt x="152" y="223"/>
                    <a:pt x="95" y="214"/>
                  </a:cubicBezTo>
                  <a:cubicBezTo>
                    <a:pt x="38" y="206"/>
                    <a:pt x="0" y="152"/>
                    <a:pt x="8" y="96"/>
                  </a:cubicBezTo>
                  <a:cubicBezTo>
                    <a:pt x="17" y="39"/>
                    <a:pt x="70" y="0"/>
                    <a:pt x="127" y="9"/>
                  </a:cubicBezTo>
                  <a:cubicBezTo>
                    <a:pt x="184" y="18"/>
                    <a:pt x="223" y="71"/>
                    <a:pt x="214" y="128"/>
                  </a:cubicBezTo>
                  <a:close/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6" name="Freeform 6">
              <a:extLst>
                <a:ext uri="{FF2B5EF4-FFF2-40B4-BE49-F238E27FC236}">
                  <a16:creationId xmlns:a16="http://schemas.microsoft.com/office/drawing/2014/main" id="{2039A428-1440-4F48-E2F8-08AFD6962169}"/>
                </a:ext>
              </a:extLst>
            </p:cNvPr>
            <p:cNvSpPr>
              <a:spLocks/>
            </p:cNvSpPr>
            <p:nvPr/>
          </p:nvSpPr>
          <p:spPr bwMode="auto">
            <a:xfrm>
              <a:off x="1223963" y="1090613"/>
              <a:ext cx="425450" cy="587375"/>
            </a:xfrm>
            <a:custGeom>
              <a:avLst/>
              <a:gdLst>
                <a:gd name="T0" fmla="*/ 494 w 494"/>
                <a:gd name="T1" fmla="*/ 127 h 683"/>
                <a:gd name="T2" fmla="*/ 341 w 494"/>
                <a:gd name="T3" fmla="*/ 16 h 683"/>
                <a:gd name="T4" fmla="*/ 4 w 494"/>
                <a:gd name="T5" fmla="*/ 387 h 683"/>
                <a:gd name="T6" fmla="*/ 14 w 494"/>
                <a:gd name="T7" fmla="*/ 475 h 683"/>
                <a:gd name="T8" fmla="*/ 128 w 494"/>
                <a:gd name="T9" fmla="*/ 683 h 6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4" h="683">
                  <a:moveTo>
                    <a:pt x="494" y="127"/>
                  </a:moveTo>
                  <a:cubicBezTo>
                    <a:pt x="490" y="45"/>
                    <a:pt x="415" y="0"/>
                    <a:pt x="341" y="16"/>
                  </a:cubicBezTo>
                  <a:cubicBezTo>
                    <a:pt x="204" y="46"/>
                    <a:pt x="25" y="228"/>
                    <a:pt x="4" y="387"/>
                  </a:cubicBezTo>
                  <a:cubicBezTo>
                    <a:pt x="0" y="416"/>
                    <a:pt x="4" y="447"/>
                    <a:pt x="14" y="475"/>
                  </a:cubicBezTo>
                  <a:cubicBezTo>
                    <a:pt x="61" y="599"/>
                    <a:pt x="128" y="683"/>
                    <a:pt x="128" y="683"/>
                  </a:cubicBez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7" name="Freeform 7">
              <a:extLst>
                <a:ext uri="{FF2B5EF4-FFF2-40B4-BE49-F238E27FC236}">
                  <a16:creationId xmlns:a16="http://schemas.microsoft.com/office/drawing/2014/main" id="{1288F740-A049-B2D5-6E3D-4FBB39529FA0}"/>
                </a:ext>
              </a:extLst>
            </p:cNvPr>
            <p:cNvSpPr>
              <a:spLocks/>
            </p:cNvSpPr>
            <p:nvPr/>
          </p:nvSpPr>
          <p:spPr bwMode="auto">
            <a:xfrm>
              <a:off x="1335088" y="1666876"/>
              <a:ext cx="106363" cy="301625"/>
            </a:xfrm>
            <a:custGeom>
              <a:avLst/>
              <a:gdLst>
                <a:gd name="T0" fmla="*/ 0 w 124"/>
                <a:gd name="T1" fmla="*/ 13 h 351"/>
                <a:gd name="T2" fmla="*/ 0 w 124"/>
                <a:gd name="T3" fmla="*/ 290 h 351"/>
                <a:gd name="T4" fmla="*/ 62 w 124"/>
                <a:gd name="T5" fmla="*/ 351 h 351"/>
                <a:gd name="T6" fmla="*/ 124 w 124"/>
                <a:gd name="T7" fmla="*/ 290 h 351"/>
                <a:gd name="T8" fmla="*/ 124 w 124"/>
                <a:gd name="T9" fmla="*/ 13 h 351"/>
                <a:gd name="T10" fmla="*/ 124 w 124"/>
                <a:gd name="T11" fmla="*/ 9 h 351"/>
                <a:gd name="T12" fmla="*/ 122 w 124"/>
                <a:gd name="T13" fmla="*/ 0 h 3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4" h="351">
                  <a:moveTo>
                    <a:pt x="0" y="13"/>
                  </a:moveTo>
                  <a:cubicBezTo>
                    <a:pt x="0" y="290"/>
                    <a:pt x="0" y="290"/>
                    <a:pt x="0" y="290"/>
                  </a:cubicBezTo>
                  <a:cubicBezTo>
                    <a:pt x="0" y="324"/>
                    <a:pt x="28" y="351"/>
                    <a:pt x="62" y="351"/>
                  </a:cubicBezTo>
                  <a:cubicBezTo>
                    <a:pt x="96" y="351"/>
                    <a:pt x="124" y="324"/>
                    <a:pt x="124" y="290"/>
                  </a:cubicBezTo>
                  <a:cubicBezTo>
                    <a:pt x="124" y="13"/>
                    <a:pt x="124" y="13"/>
                    <a:pt x="124" y="13"/>
                  </a:cubicBezTo>
                  <a:cubicBezTo>
                    <a:pt x="124" y="12"/>
                    <a:pt x="124" y="10"/>
                    <a:pt x="124" y="9"/>
                  </a:cubicBezTo>
                  <a:cubicBezTo>
                    <a:pt x="124" y="6"/>
                    <a:pt x="123" y="3"/>
                    <a:pt x="122" y="0"/>
                  </a:cubicBez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8" name="Freeform 8">
              <a:extLst>
                <a:ext uri="{FF2B5EF4-FFF2-40B4-BE49-F238E27FC236}">
                  <a16:creationId xmlns:a16="http://schemas.microsoft.com/office/drawing/2014/main" id="{430629E0-6342-0D50-58AF-15C242C98747}"/>
                </a:ext>
              </a:extLst>
            </p:cNvPr>
            <p:cNvSpPr>
              <a:spLocks/>
            </p:cNvSpPr>
            <p:nvPr/>
          </p:nvSpPr>
          <p:spPr bwMode="auto">
            <a:xfrm>
              <a:off x="1558925" y="1190626"/>
              <a:ext cx="90488" cy="307975"/>
            </a:xfrm>
            <a:custGeom>
              <a:avLst/>
              <a:gdLst>
                <a:gd name="T0" fmla="*/ 0 w 105"/>
                <a:gd name="T1" fmla="*/ 97 h 358"/>
                <a:gd name="T2" fmla="*/ 0 w 105"/>
                <a:gd name="T3" fmla="*/ 306 h 358"/>
                <a:gd name="T4" fmla="*/ 53 w 105"/>
                <a:gd name="T5" fmla="*/ 358 h 358"/>
                <a:gd name="T6" fmla="*/ 105 w 105"/>
                <a:gd name="T7" fmla="*/ 306 h 358"/>
                <a:gd name="T8" fmla="*/ 105 w 105"/>
                <a:gd name="T9" fmla="*/ 11 h 358"/>
                <a:gd name="T10" fmla="*/ 104 w 105"/>
                <a:gd name="T11" fmla="*/ 0 h 358"/>
                <a:gd name="T12" fmla="*/ 104 w 105"/>
                <a:gd name="T13" fmla="*/ 0 h 35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05" h="358">
                  <a:moveTo>
                    <a:pt x="0" y="97"/>
                  </a:moveTo>
                  <a:cubicBezTo>
                    <a:pt x="0" y="306"/>
                    <a:pt x="0" y="306"/>
                    <a:pt x="0" y="306"/>
                  </a:cubicBezTo>
                  <a:cubicBezTo>
                    <a:pt x="0" y="335"/>
                    <a:pt x="24" y="358"/>
                    <a:pt x="53" y="358"/>
                  </a:cubicBezTo>
                  <a:cubicBezTo>
                    <a:pt x="82" y="358"/>
                    <a:pt x="105" y="335"/>
                    <a:pt x="105" y="306"/>
                  </a:cubicBezTo>
                  <a:cubicBezTo>
                    <a:pt x="105" y="11"/>
                    <a:pt x="105" y="11"/>
                    <a:pt x="105" y="11"/>
                  </a:cubicBezTo>
                  <a:cubicBezTo>
                    <a:pt x="105" y="7"/>
                    <a:pt x="105" y="4"/>
                    <a:pt x="104" y="0"/>
                  </a:cubicBezTo>
                  <a:cubicBezTo>
                    <a:pt x="104" y="0"/>
                    <a:pt x="104" y="0"/>
                    <a:pt x="104" y="0"/>
                  </a:cubicBez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9" name="Freeform 9">
              <a:extLst>
                <a:ext uri="{FF2B5EF4-FFF2-40B4-BE49-F238E27FC236}">
                  <a16:creationId xmlns:a16="http://schemas.microsoft.com/office/drawing/2014/main" id="{F2F00578-2DE7-ED3F-AA78-938C488C1718}"/>
                </a:ext>
              </a:extLst>
            </p:cNvPr>
            <p:cNvSpPr>
              <a:spLocks/>
            </p:cNvSpPr>
            <p:nvPr/>
          </p:nvSpPr>
          <p:spPr bwMode="auto">
            <a:xfrm>
              <a:off x="1384300" y="1500188"/>
              <a:ext cx="58738" cy="177800"/>
            </a:xfrm>
            <a:custGeom>
              <a:avLst/>
              <a:gdLst>
                <a:gd name="T0" fmla="*/ 0 w 68"/>
                <a:gd name="T1" fmla="*/ 0 h 206"/>
                <a:gd name="T2" fmla="*/ 0 w 68"/>
                <a:gd name="T3" fmla="*/ 0 h 206"/>
                <a:gd name="T4" fmla="*/ 66 w 68"/>
                <a:gd name="T5" fmla="*/ 206 h 20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8" h="206">
                  <a:moveTo>
                    <a:pt x="0" y="0"/>
                  </a:moveTo>
                  <a:cubicBezTo>
                    <a:pt x="0" y="0"/>
                    <a:pt x="0" y="0"/>
                    <a:pt x="0" y="0"/>
                  </a:cubicBezTo>
                  <a:cubicBezTo>
                    <a:pt x="30" y="85"/>
                    <a:pt x="68" y="187"/>
                    <a:pt x="66" y="206"/>
                  </a:cubicBez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50" name="Freeform 10">
              <a:extLst>
                <a:ext uri="{FF2B5EF4-FFF2-40B4-BE49-F238E27FC236}">
                  <a16:creationId xmlns:a16="http://schemas.microsoft.com/office/drawing/2014/main" id="{EE30B972-F19C-8D0B-B546-3FA9E4551ACD}"/>
                </a:ext>
              </a:extLst>
            </p:cNvPr>
            <p:cNvSpPr>
              <a:spLocks/>
            </p:cNvSpPr>
            <p:nvPr/>
          </p:nvSpPr>
          <p:spPr bwMode="auto">
            <a:xfrm>
              <a:off x="1384300" y="1273176"/>
              <a:ext cx="174625" cy="227013"/>
            </a:xfrm>
            <a:custGeom>
              <a:avLst/>
              <a:gdLst>
                <a:gd name="T0" fmla="*/ 203 w 203"/>
                <a:gd name="T1" fmla="*/ 0 h 264"/>
                <a:gd name="T2" fmla="*/ 0 w 203"/>
                <a:gd name="T3" fmla="*/ 264 h 264"/>
                <a:gd name="T4" fmla="*/ 0 w 203"/>
                <a:gd name="T5" fmla="*/ 264 h 2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03" h="264">
                  <a:moveTo>
                    <a:pt x="203" y="0"/>
                  </a:moveTo>
                  <a:cubicBezTo>
                    <a:pt x="129" y="71"/>
                    <a:pt x="55" y="176"/>
                    <a:pt x="0" y="264"/>
                  </a:cubicBezTo>
                  <a:cubicBezTo>
                    <a:pt x="0" y="264"/>
                    <a:pt x="0" y="264"/>
                    <a:pt x="0" y="264"/>
                  </a:cubicBez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51" name="Line 11">
              <a:extLst>
                <a:ext uri="{FF2B5EF4-FFF2-40B4-BE49-F238E27FC236}">
                  <a16:creationId xmlns:a16="http://schemas.microsoft.com/office/drawing/2014/main" id="{10A57875-FC99-A7D2-B8BD-469DB1A1C950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809750" y="854076"/>
              <a:ext cx="0" cy="1116013"/>
            </a:xfrm>
            <a:prstGeom prst="line">
              <a:avLst/>
            </a:prstGeom>
            <a:noFill/>
            <a:ln w="1905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52" name="Freeform 12">
              <a:extLst>
                <a:ext uri="{FF2B5EF4-FFF2-40B4-BE49-F238E27FC236}">
                  <a16:creationId xmlns:a16="http://schemas.microsoft.com/office/drawing/2014/main" id="{A821F516-CB55-A9B8-5AA2-085B34D27266}"/>
                </a:ext>
              </a:extLst>
            </p:cNvPr>
            <p:cNvSpPr>
              <a:spLocks/>
            </p:cNvSpPr>
            <p:nvPr/>
          </p:nvSpPr>
          <p:spPr bwMode="auto">
            <a:xfrm>
              <a:off x="919163" y="755651"/>
              <a:ext cx="458788" cy="395288"/>
            </a:xfrm>
            <a:custGeom>
              <a:avLst/>
              <a:gdLst>
                <a:gd name="T0" fmla="*/ 244 w 533"/>
                <a:gd name="T1" fmla="*/ 349 h 460"/>
                <a:gd name="T2" fmla="*/ 160 w 533"/>
                <a:gd name="T3" fmla="*/ 368 h 460"/>
                <a:gd name="T4" fmla="*/ 20 w 533"/>
                <a:gd name="T5" fmla="*/ 313 h 460"/>
                <a:gd name="T6" fmla="*/ 109 w 533"/>
                <a:gd name="T7" fmla="*/ 191 h 460"/>
                <a:gd name="T8" fmla="*/ 461 w 533"/>
                <a:gd name="T9" fmla="*/ 181 h 460"/>
                <a:gd name="T10" fmla="*/ 398 w 533"/>
                <a:gd name="T11" fmla="*/ 260 h 460"/>
                <a:gd name="T12" fmla="*/ 147 w 533"/>
                <a:gd name="T13" fmla="*/ 305 h 460"/>
                <a:gd name="T14" fmla="*/ 107 w 533"/>
                <a:gd name="T15" fmla="*/ 334 h 460"/>
                <a:gd name="T16" fmla="*/ 114 w 533"/>
                <a:gd name="T17" fmla="*/ 378 h 460"/>
                <a:gd name="T18" fmla="*/ 269 w 533"/>
                <a:gd name="T19" fmla="*/ 455 h 460"/>
                <a:gd name="T20" fmla="*/ 344 w 533"/>
                <a:gd name="T21" fmla="*/ 426 h 460"/>
                <a:gd name="T22" fmla="*/ 378 w 533"/>
                <a:gd name="T23" fmla="*/ 355 h 460"/>
                <a:gd name="T24" fmla="*/ 312 w 533"/>
                <a:gd name="T25" fmla="*/ 274 h 460"/>
                <a:gd name="T26" fmla="*/ 203 w 533"/>
                <a:gd name="T27" fmla="*/ 257 h 460"/>
                <a:gd name="T28" fmla="*/ 95 w 533"/>
                <a:gd name="T29" fmla="*/ 239 h 460"/>
                <a:gd name="T30" fmla="*/ 125 w 533"/>
                <a:gd name="T31" fmla="*/ 38 h 460"/>
                <a:gd name="T32" fmla="*/ 291 w 533"/>
                <a:gd name="T33" fmla="*/ 57 h 460"/>
                <a:gd name="T34" fmla="*/ 324 w 533"/>
                <a:gd name="T35" fmla="*/ 262 h 460"/>
                <a:gd name="T36" fmla="*/ 363 w 533"/>
                <a:gd name="T37" fmla="*/ 336 h 460"/>
                <a:gd name="T38" fmla="*/ 418 w 533"/>
                <a:gd name="T39" fmla="*/ 347 h 460"/>
                <a:gd name="T40" fmla="*/ 479 w 533"/>
                <a:gd name="T41" fmla="*/ 334 h 460"/>
                <a:gd name="T42" fmla="*/ 526 w 533"/>
                <a:gd name="T43" fmla="*/ 246 h 460"/>
                <a:gd name="T44" fmla="*/ 498 w 533"/>
                <a:gd name="T45" fmla="*/ 86 h 460"/>
                <a:gd name="T46" fmla="*/ 472 w 533"/>
                <a:gd name="T47" fmla="*/ 125 h 460"/>
                <a:gd name="T48" fmla="*/ 459 w 533"/>
                <a:gd name="T49" fmla="*/ 417 h 4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533" h="460">
                  <a:moveTo>
                    <a:pt x="244" y="349"/>
                  </a:moveTo>
                  <a:cubicBezTo>
                    <a:pt x="234" y="384"/>
                    <a:pt x="193" y="383"/>
                    <a:pt x="160" y="368"/>
                  </a:cubicBezTo>
                  <a:cubicBezTo>
                    <a:pt x="128" y="352"/>
                    <a:pt x="41" y="365"/>
                    <a:pt x="20" y="313"/>
                  </a:cubicBezTo>
                  <a:cubicBezTo>
                    <a:pt x="0" y="260"/>
                    <a:pt x="85" y="228"/>
                    <a:pt x="109" y="191"/>
                  </a:cubicBezTo>
                  <a:cubicBezTo>
                    <a:pt x="184" y="71"/>
                    <a:pt x="458" y="118"/>
                    <a:pt x="461" y="181"/>
                  </a:cubicBezTo>
                  <a:cubicBezTo>
                    <a:pt x="464" y="244"/>
                    <a:pt x="406" y="261"/>
                    <a:pt x="398" y="260"/>
                  </a:cubicBezTo>
                  <a:cubicBezTo>
                    <a:pt x="298" y="248"/>
                    <a:pt x="242" y="275"/>
                    <a:pt x="147" y="305"/>
                  </a:cubicBezTo>
                  <a:cubicBezTo>
                    <a:pt x="130" y="311"/>
                    <a:pt x="113" y="318"/>
                    <a:pt x="107" y="334"/>
                  </a:cubicBezTo>
                  <a:cubicBezTo>
                    <a:pt x="101" y="349"/>
                    <a:pt x="107" y="365"/>
                    <a:pt x="114" y="378"/>
                  </a:cubicBezTo>
                  <a:cubicBezTo>
                    <a:pt x="145" y="431"/>
                    <a:pt x="209" y="460"/>
                    <a:pt x="269" y="455"/>
                  </a:cubicBezTo>
                  <a:cubicBezTo>
                    <a:pt x="296" y="452"/>
                    <a:pt x="323" y="444"/>
                    <a:pt x="344" y="426"/>
                  </a:cubicBezTo>
                  <a:cubicBezTo>
                    <a:pt x="365" y="409"/>
                    <a:pt x="379" y="383"/>
                    <a:pt x="378" y="355"/>
                  </a:cubicBezTo>
                  <a:cubicBezTo>
                    <a:pt x="376" y="319"/>
                    <a:pt x="346" y="288"/>
                    <a:pt x="312" y="274"/>
                  </a:cubicBezTo>
                  <a:cubicBezTo>
                    <a:pt x="278" y="259"/>
                    <a:pt x="240" y="258"/>
                    <a:pt x="203" y="257"/>
                  </a:cubicBezTo>
                  <a:cubicBezTo>
                    <a:pt x="167" y="256"/>
                    <a:pt x="129" y="254"/>
                    <a:pt x="95" y="239"/>
                  </a:cubicBezTo>
                  <a:cubicBezTo>
                    <a:pt x="53" y="220"/>
                    <a:pt x="33" y="81"/>
                    <a:pt x="125" y="38"/>
                  </a:cubicBezTo>
                  <a:cubicBezTo>
                    <a:pt x="160" y="22"/>
                    <a:pt x="258" y="0"/>
                    <a:pt x="291" y="57"/>
                  </a:cubicBezTo>
                  <a:cubicBezTo>
                    <a:pt x="325" y="118"/>
                    <a:pt x="312" y="194"/>
                    <a:pt x="324" y="262"/>
                  </a:cubicBezTo>
                  <a:cubicBezTo>
                    <a:pt x="329" y="291"/>
                    <a:pt x="339" y="321"/>
                    <a:pt x="363" y="336"/>
                  </a:cubicBezTo>
                  <a:cubicBezTo>
                    <a:pt x="379" y="346"/>
                    <a:pt x="399" y="347"/>
                    <a:pt x="418" y="347"/>
                  </a:cubicBezTo>
                  <a:cubicBezTo>
                    <a:pt x="439" y="346"/>
                    <a:pt x="461" y="345"/>
                    <a:pt x="479" y="334"/>
                  </a:cubicBezTo>
                  <a:cubicBezTo>
                    <a:pt x="509" y="317"/>
                    <a:pt x="522" y="280"/>
                    <a:pt x="526" y="246"/>
                  </a:cubicBezTo>
                  <a:cubicBezTo>
                    <a:pt x="533" y="192"/>
                    <a:pt x="523" y="135"/>
                    <a:pt x="498" y="86"/>
                  </a:cubicBezTo>
                  <a:cubicBezTo>
                    <a:pt x="483" y="91"/>
                    <a:pt x="476" y="109"/>
                    <a:pt x="472" y="125"/>
                  </a:cubicBezTo>
                  <a:cubicBezTo>
                    <a:pt x="449" y="220"/>
                    <a:pt x="445" y="320"/>
                    <a:pt x="459" y="417"/>
                  </a:cubicBezTo>
                </a:path>
              </a:pathLst>
            </a:custGeom>
            <a:noFill/>
            <a:ln w="1905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53" name="Line 13">
              <a:extLst>
                <a:ext uri="{FF2B5EF4-FFF2-40B4-BE49-F238E27FC236}">
                  <a16:creationId xmlns:a16="http://schemas.microsoft.com/office/drawing/2014/main" id="{A30FF545-09E1-B9A2-AAEF-C547C6E79A27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447800" y="955676"/>
              <a:ext cx="87313" cy="44450"/>
            </a:xfrm>
            <a:prstGeom prst="line">
              <a:avLst/>
            </a:prstGeom>
            <a:noFill/>
            <a:ln w="1905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grpSp>
        <p:nvGrpSpPr>
          <p:cNvPr id="54" name="Graphic 2">
            <a:extLst>
              <a:ext uri="{FF2B5EF4-FFF2-40B4-BE49-F238E27FC236}">
                <a16:creationId xmlns:a16="http://schemas.microsoft.com/office/drawing/2014/main" id="{AF9E9DD5-B67C-3173-1A5E-617C34D39CA0}"/>
              </a:ext>
            </a:extLst>
          </p:cNvPr>
          <p:cNvGrpSpPr>
            <a:grpSpLocks noChangeAspect="1"/>
          </p:cNvGrpSpPr>
          <p:nvPr/>
        </p:nvGrpSpPr>
        <p:grpSpPr>
          <a:xfrm>
            <a:off x="7528977" y="2335945"/>
            <a:ext cx="655189" cy="667998"/>
            <a:chOff x="6497152" y="345632"/>
            <a:chExt cx="1818594" cy="1854149"/>
          </a:xfrm>
          <a:noFill/>
        </p:grpSpPr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774865A9-F04E-B418-5B5E-D8A02A9DBF21}"/>
                </a:ext>
              </a:extLst>
            </p:cNvPr>
            <p:cNvSpPr/>
            <p:nvPr/>
          </p:nvSpPr>
          <p:spPr>
            <a:xfrm>
              <a:off x="6497152" y="1470066"/>
              <a:ext cx="717771" cy="539439"/>
            </a:xfrm>
            <a:custGeom>
              <a:avLst/>
              <a:gdLst>
                <a:gd name="connsiteX0" fmla="*/ 717771 w 717771"/>
                <a:gd name="connsiteY0" fmla="*/ 86666 h 539439"/>
                <a:gd name="connsiteX1" fmla="*/ 408885 w 717771"/>
                <a:gd name="connsiteY1" fmla="*/ 0 h 539439"/>
                <a:gd name="connsiteX2" fmla="*/ 0 w 717771"/>
                <a:gd name="connsiteY2" fmla="*/ 280553 h 539439"/>
                <a:gd name="connsiteX3" fmla="*/ 0 w 717771"/>
                <a:gd name="connsiteY3" fmla="*/ 539439 h 5394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7771" h="539439">
                  <a:moveTo>
                    <a:pt x="717771" y="86666"/>
                  </a:moveTo>
                  <a:cubicBezTo>
                    <a:pt x="717771" y="86666"/>
                    <a:pt x="669160" y="0"/>
                    <a:pt x="408885" y="0"/>
                  </a:cubicBezTo>
                  <a:cubicBezTo>
                    <a:pt x="106666" y="0"/>
                    <a:pt x="0" y="141943"/>
                    <a:pt x="0" y="280553"/>
                  </a:cubicBezTo>
                  <a:lnTo>
                    <a:pt x="0" y="539439"/>
                  </a:lnTo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044510-7C67-A4D2-13C3-4DCFF544155A}"/>
                </a:ext>
              </a:extLst>
            </p:cNvPr>
            <p:cNvSpPr/>
            <p:nvPr/>
          </p:nvSpPr>
          <p:spPr>
            <a:xfrm>
              <a:off x="6646596" y="843128"/>
              <a:ext cx="518883" cy="518884"/>
            </a:xfrm>
            <a:custGeom>
              <a:avLst/>
              <a:gdLst>
                <a:gd name="connsiteX0" fmla="*/ 0 w 518883"/>
                <a:gd name="connsiteY0" fmla="*/ 259442 h 518884"/>
                <a:gd name="connsiteX1" fmla="*/ 259442 w 518883"/>
                <a:gd name="connsiteY1" fmla="*/ 518884 h 518884"/>
                <a:gd name="connsiteX2" fmla="*/ 518884 w 518883"/>
                <a:gd name="connsiteY2" fmla="*/ 259442 h 518884"/>
                <a:gd name="connsiteX3" fmla="*/ 259442 w 518883"/>
                <a:gd name="connsiteY3" fmla="*/ 0 h 518884"/>
                <a:gd name="connsiteX4" fmla="*/ 0 w 518883"/>
                <a:gd name="connsiteY4" fmla="*/ 259442 h 5188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18883" h="518884">
                  <a:moveTo>
                    <a:pt x="0" y="259442"/>
                  </a:moveTo>
                  <a:cubicBezTo>
                    <a:pt x="0" y="402774"/>
                    <a:pt x="116110" y="518884"/>
                    <a:pt x="259442" y="518884"/>
                  </a:cubicBezTo>
                  <a:cubicBezTo>
                    <a:pt x="402774" y="518884"/>
                    <a:pt x="518884" y="402774"/>
                    <a:pt x="518884" y="259442"/>
                  </a:cubicBezTo>
                  <a:cubicBezTo>
                    <a:pt x="518884" y="116110"/>
                    <a:pt x="402774" y="0"/>
                    <a:pt x="259442" y="0"/>
                  </a:cubicBezTo>
                  <a:cubicBezTo>
                    <a:pt x="116110" y="0"/>
                    <a:pt x="0" y="116110"/>
                    <a:pt x="0" y="259442"/>
                  </a:cubicBezTo>
                  <a:close/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31590C24-6A1A-671D-3770-2023FA932EC9}"/>
                </a:ext>
              </a:extLst>
            </p:cNvPr>
            <p:cNvSpPr/>
            <p:nvPr/>
          </p:nvSpPr>
          <p:spPr>
            <a:xfrm>
              <a:off x="6982148" y="345632"/>
              <a:ext cx="756383" cy="624716"/>
            </a:xfrm>
            <a:custGeom>
              <a:avLst/>
              <a:gdLst>
                <a:gd name="connsiteX0" fmla="*/ 128332 w 756383"/>
                <a:gd name="connsiteY0" fmla="*/ 426107 h 624716"/>
                <a:gd name="connsiteX1" fmla="*/ 0 w 756383"/>
                <a:gd name="connsiteY1" fmla="*/ 269997 h 624716"/>
                <a:gd name="connsiteX2" fmla="*/ 378052 w 756383"/>
                <a:gd name="connsiteY2" fmla="*/ 0 h 624716"/>
                <a:gd name="connsiteX3" fmla="*/ 693049 w 756383"/>
                <a:gd name="connsiteY3" fmla="*/ 119999 h 624716"/>
                <a:gd name="connsiteX4" fmla="*/ 756381 w 756383"/>
                <a:gd name="connsiteY4" fmla="*/ 269720 h 624716"/>
                <a:gd name="connsiteX5" fmla="*/ 294720 w 756383"/>
                <a:gd name="connsiteY5" fmla="*/ 624716 h 624716"/>
                <a:gd name="connsiteX6" fmla="*/ 306386 w 756383"/>
                <a:gd name="connsiteY6" fmla="*/ 544995 h 624716"/>
                <a:gd name="connsiteX7" fmla="*/ 128610 w 756383"/>
                <a:gd name="connsiteY7" fmla="*/ 426107 h 62471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756383" h="624716">
                  <a:moveTo>
                    <a:pt x="128332" y="426107"/>
                  </a:moveTo>
                  <a:cubicBezTo>
                    <a:pt x="16666" y="398885"/>
                    <a:pt x="0" y="316386"/>
                    <a:pt x="0" y="269997"/>
                  </a:cubicBezTo>
                  <a:cubicBezTo>
                    <a:pt x="0" y="121110"/>
                    <a:pt x="169443" y="0"/>
                    <a:pt x="378052" y="0"/>
                  </a:cubicBezTo>
                  <a:cubicBezTo>
                    <a:pt x="504440" y="0"/>
                    <a:pt x="622216" y="44722"/>
                    <a:pt x="693049" y="119999"/>
                  </a:cubicBezTo>
                  <a:cubicBezTo>
                    <a:pt x="734993" y="164721"/>
                    <a:pt x="756659" y="216387"/>
                    <a:pt x="756381" y="269720"/>
                  </a:cubicBezTo>
                  <a:cubicBezTo>
                    <a:pt x="754160" y="475273"/>
                    <a:pt x="416663" y="589717"/>
                    <a:pt x="294720" y="624716"/>
                  </a:cubicBezTo>
                  <a:cubicBezTo>
                    <a:pt x="305830" y="603328"/>
                    <a:pt x="314164" y="575272"/>
                    <a:pt x="306386" y="544995"/>
                  </a:cubicBezTo>
                  <a:cubicBezTo>
                    <a:pt x="292497" y="490829"/>
                    <a:pt x="234164" y="451940"/>
                    <a:pt x="128610" y="426107"/>
                  </a:cubicBezTo>
                  <a:close/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2876109C-67F9-AF21-BD1D-6492E19C257A}"/>
                </a:ext>
              </a:extLst>
            </p:cNvPr>
            <p:cNvSpPr/>
            <p:nvPr/>
          </p:nvSpPr>
          <p:spPr>
            <a:xfrm>
              <a:off x="7138258" y="528686"/>
              <a:ext cx="461662" cy="27777"/>
            </a:xfrm>
            <a:custGeom>
              <a:avLst/>
              <a:gdLst>
                <a:gd name="connsiteX0" fmla="*/ 461662 w 461662"/>
                <a:gd name="connsiteY0" fmla="*/ 0 h 27777"/>
                <a:gd name="connsiteX1" fmla="*/ 0 w 461662"/>
                <a:gd name="connsiteY1" fmla="*/ 0 h 277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461662" h="27777">
                  <a:moveTo>
                    <a:pt x="461662" y="0"/>
                  </a:moveTo>
                  <a:lnTo>
                    <a:pt x="0" y="0"/>
                  </a:lnTo>
                </a:path>
              </a:pathLst>
            </a:custGeom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67BE529-1827-D24F-FD10-760C496416A4}"/>
                </a:ext>
              </a:extLst>
            </p:cNvPr>
            <p:cNvSpPr/>
            <p:nvPr/>
          </p:nvSpPr>
          <p:spPr>
            <a:xfrm>
              <a:off x="7138258" y="665352"/>
              <a:ext cx="461662" cy="27777"/>
            </a:xfrm>
            <a:custGeom>
              <a:avLst/>
              <a:gdLst>
                <a:gd name="connsiteX0" fmla="*/ 461662 w 461662"/>
                <a:gd name="connsiteY0" fmla="*/ 0 h 27777"/>
                <a:gd name="connsiteX1" fmla="*/ 0 w 461662"/>
                <a:gd name="connsiteY1" fmla="*/ 0 h 277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461662" h="27777">
                  <a:moveTo>
                    <a:pt x="461662" y="0"/>
                  </a:moveTo>
                  <a:lnTo>
                    <a:pt x="0" y="0"/>
                  </a:lnTo>
                </a:path>
              </a:pathLst>
            </a:custGeom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2328E58B-BA7D-D3EA-AA0C-0502C176DF6B}"/>
                </a:ext>
              </a:extLst>
            </p:cNvPr>
            <p:cNvSpPr/>
            <p:nvPr/>
          </p:nvSpPr>
          <p:spPr>
            <a:xfrm>
              <a:off x="6705484" y="1801730"/>
              <a:ext cx="27777" cy="207775"/>
            </a:xfrm>
            <a:custGeom>
              <a:avLst/>
              <a:gdLst>
                <a:gd name="connsiteX0" fmla="*/ 0 w 27777"/>
                <a:gd name="connsiteY0" fmla="*/ 0 h 207775"/>
                <a:gd name="connsiteX1" fmla="*/ 0 w 27777"/>
                <a:gd name="connsiteY1" fmla="*/ 207776 h 2077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7777" h="207775">
                  <a:moveTo>
                    <a:pt x="0" y="0"/>
                  </a:moveTo>
                  <a:lnTo>
                    <a:pt x="0" y="207776"/>
                  </a:lnTo>
                </a:path>
              </a:pathLst>
            </a:custGeom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B840FF3C-19A9-E634-5E07-3741B4432BC5}"/>
                </a:ext>
              </a:extLst>
            </p:cNvPr>
            <p:cNvSpPr/>
            <p:nvPr/>
          </p:nvSpPr>
          <p:spPr>
            <a:xfrm>
              <a:off x="7361587" y="1772286"/>
              <a:ext cx="91710" cy="427496"/>
            </a:xfrm>
            <a:custGeom>
              <a:avLst/>
              <a:gdLst>
                <a:gd name="connsiteX0" fmla="*/ 3 w 91710"/>
                <a:gd name="connsiteY0" fmla="*/ 427496 h 427496"/>
                <a:gd name="connsiteX1" fmla="*/ 84446 w 91710"/>
                <a:gd name="connsiteY1" fmla="*/ 146665 h 427496"/>
                <a:gd name="connsiteX2" fmla="*/ 86946 w 91710"/>
                <a:gd name="connsiteY2" fmla="*/ 111666 h 427496"/>
                <a:gd name="connsiteX3" fmla="*/ 61669 w 91710"/>
                <a:gd name="connsiteY3" fmla="*/ 0 h 4274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91710" h="427496">
                  <a:moveTo>
                    <a:pt x="3" y="427496"/>
                  </a:moveTo>
                  <a:cubicBezTo>
                    <a:pt x="-275" y="332775"/>
                    <a:pt x="21391" y="218609"/>
                    <a:pt x="84446" y="146665"/>
                  </a:cubicBezTo>
                  <a:cubicBezTo>
                    <a:pt x="93058" y="136943"/>
                    <a:pt x="94168" y="122499"/>
                    <a:pt x="86946" y="111666"/>
                  </a:cubicBezTo>
                  <a:cubicBezTo>
                    <a:pt x="86668" y="111110"/>
                    <a:pt x="47780" y="50555"/>
                    <a:pt x="61669" y="0"/>
                  </a:cubicBezTo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30509CEF-F020-E4BD-8A05-939098E95415}"/>
                </a:ext>
              </a:extLst>
            </p:cNvPr>
            <p:cNvSpPr/>
            <p:nvPr/>
          </p:nvSpPr>
          <p:spPr>
            <a:xfrm>
              <a:off x="8024040" y="1772008"/>
              <a:ext cx="91711" cy="427496"/>
            </a:xfrm>
            <a:custGeom>
              <a:avLst/>
              <a:gdLst>
                <a:gd name="connsiteX0" fmla="*/ 30042 w 91711"/>
                <a:gd name="connsiteY0" fmla="*/ 0 h 427496"/>
                <a:gd name="connsiteX1" fmla="*/ 4765 w 91711"/>
                <a:gd name="connsiteY1" fmla="*/ 111666 h 427496"/>
                <a:gd name="connsiteX2" fmla="*/ 7265 w 91711"/>
                <a:gd name="connsiteY2" fmla="*/ 146665 h 427496"/>
                <a:gd name="connsiteX3" fmla="*/ 91708 w 91711"/>
                <a:gd name="connsiteY3" fmla="*/ 427496 h 4274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91711" h="427496">
                  <a:moveTo>
                    <a:pt x="30042" y="0"/>
                  </a:moveTo>
                  <a:cubicBezTo>
                    <a:pt x="43931" y="50277"/>
                    <a:pt x="5320" y="111110"/>
                    <a:pt x="4765" y="111666"/>
                  </a:cubicBezTo>
                  <a:cubicBezTo>
                    <a:pt x="-2458" y="122499"/>
                    <a:pt x="-1346" y="136943"/>
                    <a:pt x="7265" y="146665"/>
                  </a:cubicBezTo>
                  <a:cubicBezTo>
                    <a:pt x="70320" y="218887"/>
                    <a:pt x="91986" y="332775"/>
                    <a:pt x="91708" y="427496"/>
                  </a:cubicBezTo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99A33A43-AB66-12A0-7DBC-A02C22061C17}"/>
                </a:ext>
              </a:extLst>
            </p:cNvPr>
            <p:cNvSpPr/>
            <p:nvPr/>
          </p:nvSpPr>
          <p:spPr>
            <a:xfrm>
              <a:off x="7322145" y="1041459"/>
              <a:ext cx="641105" cy="641382"/>
            </a:xfrm>
            <a:custGeom>
              <a:avLst/>
              <a:gdLst>
                <a:gd name="connsiteX0" fmla="*/ 320553 w 641105"/>
                <a:gd name="connsiteY0" fmla="*/ 641383 h 641382"/>
                <a:gd name="connsiteX1" fmla="*/ 0 w 641105"/>
                <a:gd name="connsiteY1" fmla="*/ 320553 h 641382"/>
                <a:gd name="connsiteX2" fmla="*/ 320553 w 641105"/>
                <a:gd name="connsiteY2" fmla="*/ 0 h 641382"/>
                <a:gd name="connsiteX3" fmla="*/ 641106 w 641105"/>
                <a:gd name="connsiteY3" fmla="*/ 320553 h 641382"/>
                <a:gd name="connsiteX4" fmla="*/ 320553 w 641105"/>
                <a:gd name="connsiteY4" fmla="*/ 641383 h 6413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41105" h="641382">
                  <a:moveTo>
                    <a:pt x="320553" y="641383"/>
                  </a:moveTo>
                  <a:cubicBezTo>
                    <a:pt x="143332" y="641383"/>
                    <a:pt x="0" y="497773"/>
                    <a:pt x="0" y="320553"/>
                  </a:cubicBezTo>
                  <a:cubicBezTo>
                    <a:pt x="0" y="143332"/>
                    <a:pt x="143332" y="0"/>
                    <a:pt x="320553" y="0"/>
                  </a:cubicBezTo>
                  <a:cubicBezTo>
                    <a:pt x="497774" y="0"/>
                    <a:pt x="641106" y="143610"/>
                    <a:pt x="641106" y="320553"/>
                  </a:cubicBezTo>
                  <a:cubicBezTo>
                    <a:pt x="641106" y="497495"/>
                    <a:pt x="497496" y="641383"/>
                    <a:pt x="320553" y="641383"/>
                  </a:cubicBezTo>
                  <a:close/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B4BD20D2-BBBA-4C02-A07E-EF278BBCFD66}"/>
                </a:ext>
              </a:extLst>
            </p:cNvPr>
            <p:cNvSpPr/>
            <p:nvPr/>
          </p:nvSpPr>
          <p:spPr>
            <a:xfrm>
              <a:off x="7160757" y="1603399"/>
              <a:ext cx="154165" cy="596383"/>
            </a:xfrm>
            <a:custGeom>
              <a:avLst/>
              <a:gdLst>
                <a:gd name="connsiteX0" fmla="*/ 0 w 154165"/>
                <a:gd name="connsiteY0" fmla="*/ 596383 h 596383"/>
                <a:gd name="connsiteX1" fmla="*/ 97777 w 154165"/>
                <a:gd name="connsiteY1" fmla="*/ 78055 h 596383"/>
                <a:gd name="connsiteX2" fmla="*/ 154165 w 154165"/>
                <a:gd name="connsiteY2" fmla="*/ 0 h 59638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54165" h="596383">
                  <a:moveTo>
                    <a:pt x="0" y="596383"/>
                  </a:moveTo>
                  <a:cubicBezTo>
                    <a:pt x="12778" y="448885"/>
                    <a:pt x="42778" y="182776"/>
                    <a:pt x="97777" y="78055"/>
                  </a:cubicBezTo>
                  <a:cubicBezTo>
                    <a:pt x="111388" y="52222"/>
                    <a:pt x="132499" y="21944"/>
                    <a:pt x="154165" y="0"/>
                  </a:cubicBezTo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FECA1D61-9187-D621-C1B8-199EBAB328FA}"/>
                </a:ext>
              </a:extLst>
            </p:cNvPr>
            <p:cNvSpPr/>
            <p:nvPr/>
          </p:nvSpPr>
          <p:spPr>
            <a:xfrm>
              <a:off x="8033805" y="1514233"/>
              <a:ext cx="281942" cy="685549"/>
            </a:xfrm>
            <a:custGeom>
              <a:avLst/>
              <a:gdLst>
                <a:gd name="connsiteX0" fmla="*/ 0 w 281942"/>
                <a:gd name="connsiteY0" fmla="*/ 0 h 685549"/>
                <a:gd name="connsiteX1" fmla="*/ 170276 w 281942"/>
                <a:gd name="connsiteY1" fmla="*/ 167221 h 685549"/>
                <a:gd name="connsiteX2" fmla="*/ 281943 w 281942"/>
                <a:gd name="connsiteY2" fmla="*/ 685549 h 6855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281942" h="685549">
                  <a:moveTo>
                    <a:pt x="0" y="0"/>
                  </a:moveTo>
                  <a:cubicBezTo>
                    <a:pt x="69722" y="37222"/>
                    <a:pt x="128332" y="91666"/>
                    <a:pt x="170276" y="167221"/>
                  </a:cubicBezTo>
                  <a:cubicBezTo>
                    <a:pt x="228331" y="271942"/>
                    <a:pt x="265276" y="538051"/>
                    <a:pt x="281943" y="685549"/>
                  </a:cubicBezTo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66" name="Group 65">
            <a:extLst>
              <a:ext uri="{FF2B5EF4-FFF2-40B4-BE49-F238E27FC236}">
                <a16:creationId xmlns:a16="http://schemas.microsoft.com/office/drawing/2014/main" id="{CA7DFBCC-0A46-E096-6A7E-DEDEE4C1B6F2}"/>
              </a:ext>
            </a:extLst>
          </p:cNvPr>
          <p:cNvGrpSpPr>
            <a:grpSpLocks noChangeAspect="1"/>
          </p:cNvGrpSpPr>
          <p:nvPr/>
        </p:nvGrpSpPr>
        <p:grpSpPr bwMode="gray">
          <a:xfrm>
            <a:off x="10368845" y="2281062"/>
            <a:ext cx="688298" cy="642701"/>
            <a:chOff x="5264150" y="3944938"/>
            <a:chExt cx="503238" cy="469900"/>
          </a:xfrm>
        </p:grpSpPr>
        <p:sp>
          <p:nvSpPr>
            <p:cNvPr id="67" name="Oval 32">
              <a:extLst>
                <a:ext uri="{FF2B5EF4-FFF2-40B4-BE49-F238E27FC236}">
                  <a16:creationId xmlns:a16="http://schemas.microsoft.com/office/drawing/2014/main" id="{223B05EC-86BB-E2CF-3651-17C9389C6463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5384800" y="4164013"/>
              <a:ext cx="77788" cy="74613"/>
            </a:xfrm>
            <a:prstGeom prst="ellipse">
              <a:avLst/>
            </a:pr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68" name="Oval 33">
              <a:extLst>
                <a:ext uri="{FF2B5EF4-FFF2-40B4-BE49-F238E27FC236}">
                  <a16:creationId xmlns:a16="http://schemas.microsoft.com/office/drawing/2014/main" id="{3F86CDAF-64CA-E5EA-E833-0A7BE681F1B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5276850" y="4206875"/>
              <a:ext cx="76200" cy="73025"/>
            </a:xfrm>
            <a:prstGeom prst="ellipse">
              <a:avLst/>
            </a:pr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69" name="Freeform 34">
              <a:extLst>
                <a:ext uri="{FF2B5EF4-FFF2-40B4-BE49-F238E27FC236}">
                  <a16:creationId xmlns:a16="http://schemas.microsoft.com/office/drawing/2014/main" id="{0FB46F34-ED13-F5CE-E80C-C056CD802B78}"/>
                </a:ext>
              </a:extLst>
            </p:cNvPr>
            <p:cNvSpPr>
              <a:spLocks/>
            </p:cNvSpPr>
            <p:nvPr/>
          </p:nvSpPr>
          <p:spPr bwMode="gray">
            <a:xfrm>
              <a:off x="5353050" y="4202113"/>
              <a:ext cx="219075" cy="212725"/>
            </a:xfrm>
            <a:custGeom>
              <a:avLst/>
              <a:gdLst>
                <a:gd name="T0" fmla="*/ 0 w 102"/>
                <a:gd name="T1" fmla="*/ 105 h 105"/>
                <a:gd name="T2" fmla="*/ 12 w 102"/>
                <a:gd name="T3" fmla="*/ 49 h 105"/>
                <a:gd name="T4" fmla="*/ 31 w 102"/>
                <a:gd name="T5" fmla="*/ 33 h 105"/>
                <a:gd name="T6" fmla="*/ 62 w 102"/>
                <a:gd name="T7" fmla="*/ 28 h 105"/>
                <a:gd name="T8" fmla="*/ 92 w 102"/>
                <a:gd name="T9" fmla="*/ 0 h 105"/>
                <a:gd name="T10" fmla="*/ 91 w 102"/>
                <a:gd name="T11" fmla="*/ 28 h 105"/>
                <a:gd name="T12" fmla="*/ 69 w 102"/>
                <a:gd name="T13" fmla="*/ 50 h 105"/>
                <a:gd name="T14" fmla="*/ 35 w 102"/>
                <a:gd name="T15" fmla="*/ 60 h 10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02" h="105">
                  <a:moveTo>
                    <a:pt x="0" y="105"/>
                  </a:moveTo>
                  <a:cubicBezTo>
                    <a:pt x="12" y="49"/>
                    <a:pt x="12" y="49"/>
                    <a:pt x="12" y="49"/>
                  </a:cubicBezTo>
                  <a:cubicBezTo>
                    <a:pt x="14" y="40"/>
                    <a:pt x="20" y="35"/>
                    <a:pt x="31" y="33"/>
                  </a:cubicBezTo>
                  <a:cubicBezTo>
                    <a:pt x="62" y="28"/>
                    <a:pt x="62" y="28"/>
                    <a:pt x="62" y="28"/>
                  </a:cubicBezTo>
                  <a:cubicBezTo>
                    <a:pt x="92" y="0"/>
                    <a:pt x="92" y="0"/>
                    <a:pt x="92" y="0"/>
                  </a:cubicBezTo>
                  <a:cubicBezTo>
                    <a:pt x="92" y="0"/>
                    <a:pt x="102" y="18"/>
                    <a:pt x="91" y="28"/>
                  </a:cubicBezTo>
                  <a:cubicBezTo>
                    <a:pt x="69" y="50"/>
                    <a:pt x="69" y="50"/>
                    <a:pt x="69" y="50"/>
                  </a:cubicBezTo>
                  <a:cubicBezTo>
                    <a:pt x="35" y="60"/>
                    <a:pt x="35" y="60"/>
                    <a:pt x="35" y="60"/>
                  </a:cubicBezTo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0" name="Line 35">
              <a:extLst>
                <a:ext uri="{FF2B5EF4-FFF2-40B4-BE49-F238E27FC236}">
                  <a16:creationId xmlns:a16="http://schemas.microsoft.com/office/drawing/2014/main" id="{23BEF1B8-9F98-869C-A56E-B7F50FA1CAD8}"/>
                </a:ext>
              </a:extLst>
            </p:cNvPr>
            <p:cNvSpPr>
              <a:spLocks noChangeShapeType="1"/>
            </p:cNvSpPr>
            <p:nvPr/>
          </p:nvSpPr>
          <p:spPr bwMode="gray">
            <a:xfrm flipV="1">
              <a:off x="5451475" y="4311650"/>
              <a:ext cx="22225" cy="103188"/>
            </a:xfrm>
            <a:prstGeom prst="line">
              <a:avLst/>
            </a:pr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1" name="Oval 36">
              <a:extLst>
                <a:ext uri="{FF2B5EF4-FFF2-40B4-BE49-F238E27FC236}">
                  <a16:creationId xmlns:a16="http://schemas.microsoft.com/office/drawing/2014/main" id="{6C0423BF-F7F3-A11F-021C-569BCB000A2B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5634038" y="4195763"/>
              <a:ext cx="79375" cy="73025"/>
            </a:xfrm>
            <a:prstGeom prst="ellipse">
              <a:avLst/>
            </a:pr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2" name="Freeform 37">
              <a:extLst>
                <a:ext uri="{FF2B5EF4-FFF2-40B4-BE49-F238E27FC236}">
                  <a16:creationId xmlns:a16="http://schemas.microsoft.com/office/drawing/2014/main" id="{2D9C1FA4-61AC-88BB-CA22-7B6D45626D20}"/>
                </a:ext>
              </a:extLst>
            </p:cNvPr>
            <p:cNvSpPr>
              <a:spLocks/>
            </p:cNvSpPr>
            <p:nvPr/>
          </p:nvSpPr>
          <p:spPr bwMode="gray">
            <a:xfrm>
              <a:off x="5556250" y="4300538"/>
              <a:ext cx="211138" cy="114300"/>
            </a:xfrm>
            <a:custGeom>
              <a:avLst/>
              <a:gdLst>
                <a:gd name="T0" fmla="*/ 98 w 98"/>
                <a:gd name="T1" fmla="*/ 57 h 57"/>
                <a:gd name="T2" fmla="*/ 86 w 98"/>
                <a:gd name="T3" fmla="*/ 17 h 57"/>
                <a:gd name="T4" fmla="*/ 62 w 98"/>
                <a:gd name="T5" fmla="*/ 0 h 57"/>
                <a:gd name="T6" fmla="*/ 0 w 98"/>
                <a:gd name="T7" fmla="*/ 0 h 57"/>
                <a:gd name="T8" fmla="*/ 21 w 98"/>
                <a:gd name="T9" fmla="*/ 21 h 57"/>
                <a:gd name="T10" fmla="*/ 62 w 98"/>
                <a:gd name="T11" fmla="*/ 21 h 5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8" h="57">
                  <a:moveTo>
                    <a:pt x="98" y="57"/>
                  </a:moveTo>
                  <a:cubicBezTo>
                    <a:pt x="86" y="17"/>
                    <a:pt x="86" y="17"/>
                    <a:pt x="86" y="17"/>
                  </a:cubicBezTo>
                  <a:cubicBezTo>
                    <a:pt x="84" y="8"/>
                    <a:pt x="79" y="0"/>
                    <a:pt x="62" y="0"/>
                  </a:cubicBezTo>
                  <a:cubicBezTo>
                    <a:pt x="51" y="0"/>
                    <a:pt x="0" y="0"/>
                    <a:pt x="0" y="0"/>
                  </a:cubicBezTo>
                  <a:cubicBezTo>
                    <a:pt x="0" y="0"/>
                    <a:pt x="4" y="21"/>
                    <a:pt x="21" y="21"/>
                  </a:cubicBezTo>
                  <a:cubicBezTo>
                    <a:pt x="62" y="21"/>
                    <a:pt x="62" y="21"/>
                    <a:pt x="62" y="21"/>
                  </a:cubicBezTo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3" name="Line 38">
              <a:extLst>
                <a:ext uri="{FF2B5EF4-FFF2-40B4-BE49-F238E27FC236}">
                  <a16:creationId xmlns:a16="http://schemas.microsoft.com/office/drawing/2014/main" id="{64FF83FE-4A1E-F1A1-27B3-76AF1C9160C5}"/>
                </a:ext>
              </a:extLst>
            </p:cNvPr>
            <p:cNvSpPr>
              <a:spLocks noChangeShapeType="1"/>
            </p:cNvSpPr>
            <p:nvPr/>
          </p:nvSpPr>
          <p:spPr bwMode="gray">
            <a:xfrm flipH="1" flipV="1">
              <a:off x="5657850" y="4341813"/>
              <a:ext cx="26988" cy="73025"/>
            </a:xfrm>
            <a:prstGeom prst="line">
              <a:avLst/>
            </a:pr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4" name="Freeform 39">
              <a:extLst>
                <a:ext uri="{FF2B5EF4-FFF2-40B4-BE49-F238E27FC236}">
                  <a16:creationId xmlns:a16="http://schemas.microsoft.com/office/drawing/2014/main" id="{8FADD077-E80D-6498-2359-820EAA890E41}"/>
                </a:ext>
              </a:extLst>
            </p:cNvPr>
            <p:cNvSpPr>
              <a:spLocks/>
            </p:cNvSpPr>
            <p:nvPr/>
          </p:nvSpPr>
          <p:spPr bwMode="gray">
            <a:xfrm>
              <a:off x="5264150" y="4300538"/>
              <a:ext cx="111125" cy="114300"/>
            </a:xfrm>
            <a:custGeom>
              <a:avLst/>
              <a:gdLst>
                <a:gd name="T0" fmla="*/ 0 w 52"/>
                <a:gd name="T1" fmla="*/ 57 h 57"/>
                <a:gd name="T2" fmla="*/ 7 w 52"/>
                <a:gd name="T3" fmla="*/ 22 h 57"/>
                <a:gd name="T4" fmla="*/ 26 w 52"/>
                <a:gd name="T5" fmla="*/ 6 h 57"/>
                <a:gd name="T6" fmla="*/ 52 w 52"/>
                <a:gd name="T7" fmla="*/ 0 h 5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52" h="57">
                  <a:moveTo>
                    <a:pt x="0" y="57"/>
                  </a:moveTo>
                  <a:cubicBezTo>
                    <a:pt x="7" y="22"/>
                    <a:pt x="7" y="22"/>
                    <a:pt x="7" y="22"/>
                  </a:cubicBezTo>
                  <a:cubicBezTo>
                    <a:pt x="9" y="12"/>
                    <a:pt x="16" y="8"/>
                    <a:pt x="26" y="6"/>
                  </a:cubicBezTo>
                  <a:cubicBezTo>
                    <a:pt x="52" y="0"/>
                    <a:pt x="52" y="0"/>
                    <a:pt x="52" y="0"/>
                  </a:cubicBezTo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5" name="Freeform 40">
              <a:extLst>
                <a:ext uri="{FF2B5EF4-FFF2-40B4-BE49-F238E27FC236}">
                  <a16:creationId xmlns:a16="http://schemas.microsoft.com/office/drawing/2014/main" id="{5C602610-9577-933D-30CC-EFD571E7B922}"/>
                </a:ext>
              </a:extLst>
            </p:cNvPr>
            <p:cNvSpPr>
              <a:spLocks/>
            </p:cNvSpPr>
            <p:nvPr/>
          </p:nvSpPr>
          <p:spPr bwMode="gray">
            <a:xfrm>
              <a:off x="5278438" y="3984625"/>
              <a:ext cx="196850" cy="157163"/>
            </a:xfrm>
            <a:custGeom>
              <a:avLst/>
              <a:gdLst>
                <a:gd name="T0" fmla="*/ 97 w 124"/>
                <a:gd name="T1" fmla="*/ 0 h 99"/>
                <a:gd name="T2" fmla="*/ 0 w 124"/>
                <a:gd name="T3" fmla="*/ 39 h 99"/>
                <a:gd name="T4" fmla="*/ 32 w 124"/>
                <a:gd name="T5" fmla="*/ 62 h 99"/>
                <a:gd name="T6" fmla="*/ 28 w 124"/>
                <a:gd name="T7" fmla="*/ 99 h 99"/>
                <a:gd name="T8" fmla="*/ 124 w 124"/>
                <a:gd name="T9" fmla="*/ 61 h 9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24" h="99">
                  <a:moveTo>
                    <a:pt x="97" y="0"/>
                  </a:moveTo>
                  <a:lnTo>
                    <a:pt x="0" y="39"/>
                  </a:lnTo>
                  <a:lnTo>
                    <a:pt x="32" y="62"/>
                  </a:lnTo>
                  <a:lnTo>
                    <a:pt x="28" y="99"/>
                  </a:lnTo>
                  <a:lnTo>
                    <a:pt x="124" y="61"/>
                  </a:lnTo>
                </a:path>
              </a:pathLst>
            </a:cu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6" name="Line 41">
              <a:extLst>
                <a:ext uri="{FF2B5EF4-FFF2-40B4-BE49-F238E27FC236}">
                  <a16:creationId xmlns:a16="http://schemas.microsoft.com/office/drawing/2014/main" id="{890A2D62-5652-FE3A-F1BD-037444580826}"/>
                </a:ext>
              </a:extLst>
            </p:cNvPr>
            <p:cNvSpPr>
              <a:spLocks noChangeShapeType="1"/>
            </p:cNvSpPr>
            <p:nvPr/>
          </p:nvSpPr>
          <p:spPr bwMode="gray">
            <a:xfrm flipH="1" flipV="1">
              <a:off x="5413375" y="3944938"/>
              <a:ext cx="122238" cy="269875"/>
            </a:xfrm>
            <a:prstGeom prst="line">
              <a:avLst/>
            </a:pr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7" name="Line 42">
              <a:extLst>
                <a:ext uri="{FF2B5EF4-FFF2-40B4-BE49-F238E27FC236}">
                  <a16:creationId xmlns:a16="http://schemas.microsoft.com/office/drawing/2014/main" id="{07126384-982E-0A61-0C07-00E7C50E01A9}"/>
                </a:ext>
              </a:extLst>
            </p:cNvPr>
            <p:cNvSpPr>
              <a:spLocks noChangeShapeType="1"/>
            </p:cNvSpPr>
            <p:nvPr/>
          </p:nvSpPr>
          <p:spPr bwMode="gray">
            <a:xfrm flipH="1" flipV="1">
              <a:off x="5553075" y="4254500"/>
              <a:ext cx="20638" cy="46038"/>
            </a:xfrm>
            <a:prstGeom prst="line">
              <a:avLst/>
            </a:pr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78" name="Line 43">
              <a:extLst>
                <a:ext uri="{FF2B5EF4-FFF2-40B4-BE49-F238E27FC236}">
                  <a16:creationId xmlns:a16="http://schemas.microsoft.com/office/drawing/2014/main" id="{C259EBD9-D2E7-9B1B-E157-7B4BF683FD24}"/>
                </a:ext>
              </a:extLst>
            </p:cNvPr>
            <p:cNvSpPr>
              <a:spLocks noChangeShapeType="1"/>
            </p:cNvSpPr>
            <p:nvPr/>
          </p:nvSpPr>
          <p:spPr bwMode="gray">
            <a:xfrm flipH="1" flipV="1">
              <a:off x="5591175" y="4341813"/>
              <a:ext cx="31750" cy="73025"/>
            </a:xfrm>
            <a:prstGeom prst="line">
              <a:avLst/>
            </a:prstGeom>
            <a:noFill/>
            <a:ln w="1905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88211243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C545E7-A3DE-38E9-D914-02E7DD0B9ED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E9823580-9C3D-2C27-5BD4-4EF93BAAE5A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FD15E34-325C-D6A7-4C17-ABC15C0CFFE9}"/>
              </a:ext>
            </a:extLst>
          </p:cNvPr>
          <p:cNvSpPr txBox="1"/>
          <p:nvPr/>
        </p:nvSpPr>
        <p:spPr>
          <a:xfrm>
            <a:off x="4038600" y="1720841"/>
            <a:ext cx="7543800" cy="3416320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0" b="0" i="0" u="none" strike="noStrike" kern="1200" cap="none" spc="0" normalizeH="0" baseline="0" noProof="0" dirty="0">
                <a:ln>
                  <a:noFill/>
                </a:ln>
                <a:solidFill>
                  <a:srgbClr val="1DCAD3"/>
                </a:solidFill>
                <a:effectLst/>
                <a:uLnTx/>
                <a:uFillTx/>
                <a:latin typeface="Palatino Linotype"/>
                <a:ea typeface="+mn-ea"/>
                <a:cs typeface="+mn-cs"/>
              </a:rPr>
              <a:t>How Can We Adapt to Constant and Often Surprising Change? </a:t>
            </a: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7B6FEE3E-2D0C-E3A3-8D31-AE7EA3DA68B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9EE44C7F-4A3E-32F9-BA03-C687C957A3AA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909" y="3351074"/>
            <a:ext cx="4427253" cy="3506926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3AB71C99-A997-5A66-B6D3-86C173566693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ED8E8C20-A0C3-FD9C-BEC0-2DAC0202CC60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D4063C57-65E1-34F6-E5F0-BD1885367038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A3B35E1B-EB7E-019B-7353-7BB6FE841929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5EF1FA1E-E860-3A50-E031-3F8A8E08CDDE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D79BF1AB-DCC1-6BB2-0380-E82562AF2644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C3A35419-46C5-D512-4166-5F0A0D3E2BC8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8E3B3026-EA79-1383-1D2D-C2D2711CFB19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A5E6363B-71FE-D70C-6905-D3F79E23842C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BC1A2982-135F-1C68-1C74-D2C7E15C0051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00954783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0883F5-5C81-5FE5-E6FC-C766A8708B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000" dirty="0"/>
              <a:t>5 Steps To ADAPT to Disruption and Uncertainty</a:t>
            </a:r>
          </a:p>
        </p:txBody>
      </p:sp>
      <p:sp>
        <p:nvSpPr>
          <p:cNvPr id="4" name="Freeform 8">
            <a:extLst>
              <a:ext uri="{FF2B5EF4-FFF2-40B4-BE49-F238E27FC236}">
                <a16:creationId xmlns:a16="http://schemas.microsoft.com/office/drawing/2014/main" id="{5672C879-1B14-0F02-E929-51FD1B82807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5105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accent1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5" name="Freeform 8">
            <a:extLst>
              <a:ext uri="{FF2B5EF4-FFF2-40B4-BE49-F238E27FC236}">
                <a16:creationId xmlns:a16="http://schemas.microsoft.com/office/drawing/2014/main" id="{024E7B0B-0267-2D11-61DB-7A6AC4AB04A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7391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tx2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6" name="Freeform 8">
            <a:extLst>
              <a:ext uri="{FF2B5EF4-FFF2-40B4-BE49-F238E27FC236}">
                <a16:creationId xmlns:a16="http://schemas.microsoft.com/office/drawing/2014/main" id="{2E5CEFB3-C567-FF1C-7D87-2F7A56EE96C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9677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accent3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7" name="Freeform 8">
            <a:extLst>
              <a:ext uri="{FF2B5EF4-FFF2-40B4-BE49-F238E27FC236}">
                <a16:creationId xmlns:a16="http://schemas.microsoft.com/office/drawing/2014/main" id="{9C7947A5-699B-03A5-E1BA-04F51CAC879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2819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bg2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8" name="Freeform 8">
            <a:extLst>
              <a:ext uri="{FF2B5EF4-FFF2-40B4-BE49-F238E27FC236}">
                <a16:creationId xmlns:a16="http://schemas.microsoft.com/office/drawing/2014/main" id="{0829CFA0-C596-47B6-A2F0-3C0FE7601FC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533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accent5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A7E486C-39F4-2E7A-2D1F-4023200DB8EC}"/>
              </a:ext>
            </a:extLst>
          </p:cNvPr>
          <p:cNvSpPr txBox="1"/>
          <p:nvPr/>
        </p:nvSpPr>
        <p:spPr>
          <a:xfrm>
            <a:off x="379937" y="4133242"/>
            <a:ext cx="2211017" cy="16096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accent5"/>
                </a:solidFill>
              </a:rPr>
              <a:t>Authenticity</a:t>
            </a:r>
            <a:r>
              <a:rPr lang="en-US" sz="2400" b="1" dirty="0">
                <a:solidFill>
                  <a:srgbClr val="4D2F93"/>
                </a:solidFill>
              </a:rPr>
              <a:t> 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000" dirty="0"/>
              <a:t>Share openly and honestly, even when answers </a:t>
            </a:r>
            <a:br>
              <a:rPr lang="en-US" sz="2000" dirty="0"/>
            </a:br>
            <a:r>
              <a:rPr lang="en-US" sz="2000" dirty="0"/>
              <a:t>are unclear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31A85DA-3B06-790E-6081-96ED0B92F3DA}"/>
              </a:ext>
            </a:extLst>
          </p:cNvPr>
          <p:cNvSpPr txBox="1"/>
          <p:nvPr/>
        </p:nvSpPr>
        <p:spPr>
          <a:xfrm>
            <a:off x="2741983" y="4135848"/>
            <a:ext cx="2074976" cy="16096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bg2"/>
                </a:solidFill>
              </a:rPr>
              <a:t>Discernment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000" dirty="0"/>
              <a:t>Cut through complexity to focus on what matters mos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02E5D500-C4CA-9AF9-2D49-B28CEE0AE8D3}"/>
              </a:ext>
            </a:extLst>
          </p:cNvPr>
          <p:cNvSpPr txBox="1"/>
          <p:nvPr/>
        </p:nvSpPr>
        <p:spPr>
          <a:xfrm>
            <a:off x="5027983" y="4135847"/>
            <a:ext cx="2074976" cy="16096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accent1"/>
                </a:solidFill>
              </a:rPr>
              <a:t>Agility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000" dirty="0"/>
              <a:t>Pivot quickly while keeping priorities </a:t>
            </a:r>
            <a:br>
              <a:rPr lang="en-US" sz="2000" dirty="0"/>
            </a:br>
            <a:r>
              <a:rPr lang="en-US" sz="2000" dirty="0"/>
              <a:t>in focus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481B7733-294D-618B-4F47-C8933B4C2B34}"/>
              </a:ext>
            </a:extLst>
          </p:cNvPr>
          <p:cNvSpPr txBox="1"/>
          <p:nvPr/>
        </p:nvSpPr>
        <p:spPr>
          <a:xfrm>
            <a:off x="7309329" y="4133242"/>
            <a:ext cx="2149960" cy="16096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tx2"/>
                </a:solidFill>
              </a:rPr>
              <a:t>Partnership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IN" sz="2000" dirty="0"/>
              <a:t> Draw strength and wisdom from collaboration </a:t>
            </a:r>
            <a:br>
              <a:rPr lang="en-IN" sz="2000" dirty="0"/>
            </a:br>
            <a:r>
              <a:rPr lang="en-IN" sz="2000" dirty="0"/>
              <a:t>with others</a:t>
            </a:r>
            <a:endParaRPr lang="en-US" sz="2000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4FDD2A8-A1C2-1C9E-6E2D-172232972BDC}"/>
              </a:ext>
            </a:extLst>
          </p:cNvPr>
          <p:cNvSpPr txBox="1"/>
          <p:nvPr/>
        </p:nvSpPr>
        <p:spPr>
          <a:xfrm>
            <a:off x="9605063" y="4135845"/>
            <a:ext cx="2074976" cy="196361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accent3"/>
                </a:solidFill>
              </a:rPr>
              <a:t>Tenacity</a:t>
            </a:r>
          </a:p>
          <a:p>
            <a:pPr algn="ctr"/>
            <a:r>
              <a:rPr lang="en-US" sz="2000" dirty="0"/>
              <a:t>Maintain energy, optimism and composure necessary to move forward</a:t>
            </a:r>
          </a:p>
        </p:txBody>
      </p:sp>
      <p:grpSp>
        <p:nvGrpSpPr>
          <p:cNvPr id="3" name="Graphic 2">
            <a:extLst>
              <a:ext uri="{FF2B5EF4-FFF2-40B4-BE49-F238E27FC236}">
                <a16:creationId xmlns:a16="http://schemas.microsoft.com/office/drawing/2014/main" id="{32C4548D-4AE5-1C62-4068-442870ECB26C}"/>
              </a:ext>
            </a:extLst>
          </p:cNvPr>
          <p:cNvGrpSpPr/>
          <p:nvPr/>
        </p:nvGrpSpPr>
        <p:grpSpPr>
          <a:xfrm>
            <a:off x="7786251" y="1828800"/>
            <a:ext cx="1130439" cy="1130439"/>
            <a:chOff x="7501931" y="4561952"/>
            <a:chExt cx="1130439" cy="1130439"/>
          </a:xfrm>
          <a:noFill/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CE2115B5-D333-20CE-C710-2D6F7D3E4B68}"/>
                </a:ext>
              </a:extLst>
            </p:cNvPr>
            <p:cNvSpPr/>
            <p:nvPr/>
          </p:nvSpPr>
          <p:spPr>
            <a:xfrm>
              <a:off x="7885602" y="4959754"/>
              <a:ext cx="253105" cy="189122"/>
            </a:xfrm>
            <a:custGeom>
              <a:avLst/>
              <a:gdLst>
                <a:gd name="connsiteX0" fmla="*/ 239879 w 253105"/>
                <a:gd name="connsiteY0" fmla="*/ 77209 h 189122"/>
                <a:gd name="connsiteX1" fmla="*/ 239879 w 253105"/>
                <a:gd name="connsiteY1" fmla="*/ 13226 h 189122"/>
                <a:gd name="connsiteX2" fmla="*/ 175896 w 253105"/>
                <a:gd name="connsiteY2" fmla="*/ 13226 h 189122"/>
                <a:gd name="connsiteX3" fmla="*/ 0 w 253105"/>
                <a:gd name="connsiteY3" fmla="*/ 189122 h 1891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3105" h="189122">
                  <a:moveTo>
                    <a:pt x="239879" y="77209"/>
                  </a:moveTo>
                  <a:cubicBezTo>
                    <a:pt x="257514" y="59575"/>
                    <a:pt x="257514" y="30861"/>
                    <a:pt x="239879" y="13226"/>
                  </a:cubicBezTo>
                  <a:cubicBezTo>
                    <a:pt x="222244" y="-4409"/>
                    <a:pt x="193531" y="-4409"/>
                    <a:pt x="175896" y="13226"/>
                  </a:cubicBezTo>
                  <a:lnTo>
                    <a:pt x="0" y="189122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6F6A3DE-5A4C-6A7F-9DDB-6EBB645DE3FA}"/>
                </a:ext>
              </a:extLst>
            </p:cNvPr>
            <p:cNvSpPr/>
            <p:nvPr/>
          </p:nvSpPr>
          <p:spPr>
            <a:xfrm>
              <a:off x="7965411" y="4991632"/>
              <a:ext cx="269157" cy="269157"/>
            </a:xfrm>
            <a:custGeom>
              <a:avLst/>
              <a:gdLst>
                <a:gd name="connsiteX0" fmla="*/ 63983 w 269157"/>
                <a:gd name="connsiteY0" fmla="*/ 269158 h 269157"/>
                <a:gd name="connsiteX1" fmla="*/ 255932 w 269157"/>
                <a:gd name="connsiteY1" fmla="*/ 77209 h 269157"/>
                <a:gd name="connsiteX2" fmla="*/ 255932 w 269157"/>
                <a:gd name="connsiteY2" fmla="*/ 13226 h 269157"/>
                <a:gd name="connsiteX3" fmla="*/ 191949 w 269157"/>
                <a:gd name="connsiteY3" fmla="*/ 13226 h 269157"/>
                <a:gd name="connsiteX4" fmla="*/ 0 w 269157"/>
                <a:gd name="connsiteY4" fmla="*/ 205175 h 2691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9157" h="269157">
                  <a:moveTo>
                    <a:pt x="63983" y="269158"/>
                  </a:moveTo>
                  <a:lnTo>
                    <a:pt x="255932" y="77209"/>
                  </a:lnTo>
                  <a:cubicBezTo>
                    <a:pt x="273566" y="59575"/>
                    <a:pt x="273566" y="30861"/>
                    <a:pt x="255932" y="13226"/>
                  </a:cubicBezTo>
                  <a:cubicBezTo>
                    <a:pt x="238296" y="-4409"/>
                    <a:pt x="209584" y="-4409"/>
                    <a:pt x="191949" y="13226"/>
                  </a:cubicBezTo>
                  <a:lnTo>
                    <a:pt x="0" y="205175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84D5CA4-85AA-49DB-4D5E-AB826E323548}"/>
                </a:ext>
              </a:extLst>
            </p:cNvPr>
            <p:cNvSpPr/>
            <p:nvPr/>
          </p:nvSpPr>
          <p:spPr>
            <a:xfrm>
              <a:off x="7501931" y="5366090"/>
              <a:ext cx="326075" cy="326075"/>
            </a:xfrm>
            <a:custGeom>
              <a:avLst/>
              <a:gdLst>
                <a:gd name="connsiteX0" fmla="*/ 0 w 326075"/>
                <a:gd name="connsiteY0" fmla="*/ 38491 h 326075"/>
                <a:gd name="connsiteX1" fmla="*/ 31878 w 326075"/>
                <a:gd name="connsiteY1" fmla="*/ 6613 h 326075"/>
                <a:gd name="connsiteX2" fmla="*/ 63757 w 326075"/>
                <a:gd name="connsiteY2" fmla="*/ 6613 h 326075"/>
                <a:gd name="connsiteX3" fmla="*/ 319462 w 326075"/>
                <a:gd name="connsiteY3" fmla="*/ 262319 h 326075"/>
                <a:gd name="connsiteX4" fmla="*/ 319462 w 326075"/>
                <a:gd name="connsiteY4" fmla="*/ 294197 h 326075"/>
                <a:gd name="connsiteX5" fmla="*/ 287584 w 326075"/>
                <a:gd name="connsiteY5" fmla="*/ 326075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0" y="38491"/>
                  </a:moveTo>
                  <a:lnTo>
                    <a:pt x="31878" y="6613"/>
                  </a:lnTo>
                  <a:cubicBezTo>
                    <a:pt x="40696" y="-2204"/>
                    <a:pt x="54939" y="-2204"/>
                    <a:pt x="63757" y="6613"/>
                  </a:cubicBezTo>
                  <a:lnTo>
                    <a:pt x="319462" y="262319"/>
                  </a:lnTo>
                  <a:cubicBezTo>
                    <a:pt x="328280" y="271136"/>
                    <a:pt x="328280" y="285380"/>
                    <a:pt x="319462" y="294197"/>
                  </a:cubicBezTo>
                  <a:lnTo>
                    <a:pt x="287584" y="326075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61CB2A88-60E9-3D9D-145A-662E613C39D8}"/>
                </a:ext>
              </a:extLst>
            </p:cNvPr>
            <p:cNvSpPr/>
            <p:nvPr/>
          </p:nvSpPr>
          <p:spPr>
            <a:xfrm>
              <a:off x="7581740" y="4960215"/>
              <a:ext cx="428771" cy="428314"/>
            </a:xfrm>
            <a:custGeom>
              <a:avLst/>
              <a:gdLst>
                <a:gd name="connsiteX0" fmla="*/ 0 w 428771"/>
                <a:gd name="connsiteY0" fmla="*/ 428315 h 428314"/>
                <a:gd name="connsiteX1" fmla="*/ 22609 w 428771"/>
                <a:gd name="connsiteY1" fmla="*/ 405706 h 428314"/>
                <a:gd name="connsiteX2" fmla="*/ 34818 w 428771"/>
                <a:gd name="connsiteY2" fmla="*/ 383549 h 428314"/>
                <a:gd name="connsiteX3" fmla="*/ 38661 w 428771"/>
                <a:gd name="connsiteY3" fmla="*/ 365689 h 428314"/>
                <a:gd name="connsiteX4" fmla="*/ 87270 w 428771"/>
                <a:gd name="connsiteY4" fmla="*/ 277062 h 428314"/>
                <a:gd name="connsiteX5" fmla="*/ 349758 w 428771"/>
                <a:gd name="connsiteY5" fmla="*/ 14574 h 428314"/>
                <a:gd name="connsiteX6" fmla="*/ 409671 w 428771"/>
                <a:gd name="connsiteY6" fmla="*/ 8017 h 428314"/>
                <a:gd name="connsiteX7" fmla="*/ 415550 w 428771"/>
                <a:gd name="connsiteY7" fmla="*/ 76974 h 4283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428771" h="428314">
                  <a:moveTo>
                    <a:pt x="0" y="428315"/>
                  </a:moveTo>
                  <a:lnTo>
                    <a:pt x="22609" y="405706"/>
                  </a:lnTo>
                  <a:cubicBezTo>
                    <a:pt x="28713" y="399602"/>
                    <a:pt x="33009" y="391915"/>
                    <a:pt x="34818" y="383549"/>
                  </a:cubicBezTo>
                  <a:lnTo>
                    <a:pt x="38661" y="365689"/>
                  </a:lnTo>
                  <a:cubicBezTo>
                    <a:pt x="46122" y="332001"/>
                    <a:pt x="63079" y="301254"/>
                    <a:pt x="87270" y="277062"/>
                  </a:cubicBezTo>
                  <a:lnTo>
                    <a:pt x="349758" y="14574"/>
                  </a:lnTo>
                  <a:cubicBezTo>
                    <a:pt x="365584" y="-1252"/>
                    <a:pt x="391358" y="-5322"/>
                    <a:pt x="409671" y="8017"/>
                  </a:cubicBezTo>
                  <a:cubicBezTo>
                    <a:pt x="432958" y="24748"/>
                    <a:pt x="434993" y="57531"/>
                    <a:pt x="415550" y="76974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F561C67-3AA5-3142-4C43-B7302E1558DC}"/>
                </a:ext>
              </a:extLst>
            </p:cNvPr>
            <p:cNvSpPr/>
            <p:nvPr/>
          </p:nvSpPr>
          <p:spPr>
            <a:xfrm>
              <a:off x="7805566" y="5087497"/>
              <a:ext cx="460645" cy="524859"/>
            </a:xfrm>
            <a:custGeom>
              <a:avLst/>
              <a:gdLst>
                <a:gd name="connsiteX0" fmla="*/ 0 w 460645"/>
                <a:gd name="connsiteY0" fmla="*/ 524859 h 524859"/>
                <a:gd name="connsiteX1" fmla="*/ 146053 w 460645"/>
                <a:gd name="connsiteY1" fmla="*/ 495694 h 524859"/>
                <a:gd name="connsiteX2" fmla="*/ 173183 w 460645"/>
                <a:gd name="connsiteY2" fmla="*/ 488459 h 524859"/>
                <a:gd name="connsiteX3" fmla="*/ 447654 w 460645"/>
                <a:gd name="connsiteY3" fmla="*/ 396893 h 524859"/>
                <a:gd name="connsiteX4" fmla="*/ 437706 w 460645"/>
                <a:gd name="connsiteY4" fmla="*/ 367050 h 524859"/>
                <a:gd name="connsiteX5" fmla="*/ 346819 w 460645"/>
                <a:gd name="connsiteY5" fmla="*/ 312563 h 524859"/>
                <a:gd name="connsiteX6" fmla="*/ 235358 w 460645"/>
                <a:gd name="connsiteY6" fmla="*/ 331102 h 524859"/>
                <a:gd name="connsiteX7" fmla="*/ 215688 w 460645"/>
                <a:gd name="connsiteY7" fmla="*/ 324771 h 524859"/>
                <a:gd name="connsiteX8" fmla="*/ 208001 w 460645"/>
                <a:gd name="connsiteY8" fmla="*/ 317084 h 524859"/>
                <a:gd name="connsiteX9" fmla="*/ 446072 w 460645"/>
                <a:gd name="connsiteY9" fmla="*/ 79014 h 524859"/>
                <a:gd name="connsiteX10" fmla="*/ 452628 w 460645"/>
                <a:gd name="connsiteY10" fmla="*/ 19100 h 524859"/>
                <a:gd name="connsiteX11" fmla="*/ 383671 w 460645"/>
                <a:gd name="connsiteY11" fmla="*/ 13222 h 5248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60645" h="524859">
                  <a:moveTo>
                    <a:pt x="0" y="524859"/>
                  </a:moveTo>
                  <a:lnTo>
                    <a:pt x="146053" y="495694"/>
                  </a:lnTo>
                  <a:cubicBezTo>
                    <a:pt x="155323" y="493885"/>
                    <a:pt x="164366" y="491398"/>
                    <a:pt x="173183" y="488459"/>
                  </a:cubicBezTo>
                  <a:lnTo>
                    <a:pt x="447654" y="396893"/>
                  </a:lnTo>
                  <a:lnTo>
                    <a:pt x="437706" y="367050"/>
                  </a:lnTo>
                  <a:cubicBezTo>
                    <a:pt x="424819" y="329067"/>
                    <a:pt x="386384" y="306006"/>
                    <a:pt x="346819" y="312563"/>
                  </a:cubicBezTo>
                  <a:lnTo>
                    <a:pt x="235358" y="331102"/>
                  </a:lnTo>
                  <a:cubicBezTo>
                    <a:pt x="228123" y="332232"/>
                    <a:pt x="220888" y="329971"/>
                    <a:pt x="215688" y="324771"/>
                  </a:cubicBezTo>
                  <a:lnTo>
                    <a:pt x="208001" y="317084"/>
                  </a:lnTo>
                  <a:lnTo>
                    <a:pt x="446072" y="79014"/>
                  </a:lnTo>
                  <a:cubicBezTo>
                    <a:pt x="461898" y="63188"/>
                    <a:pt x="465967" y="37414"/>
                    <a:pt x="452628" y="19100"/>
                  </a:cubicBezTo>
                  <a:cubicBezTo>
                    <a:pt x="435898" y="-4187"/>
                    <a:pt x="403115" y="-6221"/>
                    <a:pt x="383671" y="13222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38108B59-8DD6-CBC7-30DE-64CFE8F14192}"/>
                </a:ext>
              </a:extLst>
            </p:cNvPr>
            <p:cNvSpPr/>
            <p:nvPr/>
          </p:nvSpPr>
          <p:spPr>
            <a:xfrm>
              <a:off x="8306295" y="4562178"/>
              <a:ext cx="326075" cy="326075"/>
            </a:xfrm>
            <a:custGeom>
              <a:avLst/>
              <a:gdLst>
                <a:gd name="connsiteX0" fmla="*/ 326075 w 326075"/>
                <a:gd name="connsiteY0" fmla="*/ 287584 h 326075"/>
                <a:gd name="connsiteX1" fmla="*/ 294197 w 326075"/>
                <a:gd name="connsiteY1" fmla="*/ 319462 h 326075"/>
                <a:gd name="connsiteX2" fmla="*/ 262318 w 326075"/>
                <a:gd name="connsiteY2" fmla="*/ 319462 h 326075"/>
                <a:gd name="connsiteX3" fmla="*/ 6613 w 326075"/>
                <a:gd name="connsiteY3" fmla="*/ 63756 h 326075"/>
                <a:gd name="connsiteX4" fmla="*/ 6613 w 326075"/>
                <a:gd name="connsiteY4" fmla="*/ 31878 h 326075"/>
                <a:gd name="connsiteX5" fmla="*/ 38492 w 326075"/>
                <a:gd name="connsiteY5" fmla="*/ 0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326075" y="287584"/>
                  </a:moveTo>
                  <a:lnTo>
                    <a:pt x="294197" y="319462"/>
                  </a:lnTo>
                  <a:cubicBezTo>
                    <a:pt x="285379" y="328279"/>
                    <a:pt x="271136" y="328279"/>
                    <a:pt x="262318" y="319462"/>
                  </a:cubicBezTo>
                  <a:lnTo>
                    <a:pt x="6613" y="63756"/>
                  </a:lnTo>
                  <a:cubicBezTo>
                    <a:pt x="-2204" y="54939"/>
                    <a:pt x="-2204" y="40696"/>
                    <a:pt x="6613" y="31878"/>
                  </a:cubicBezTo>
                  <a:lnTo>
                    <a:pt x="38492" y="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A20CF92-4B95-900F-A8DD-C650FB39FD0A}"/>
                </a:ext>
              </a:extLst>
            </p:cNvPr>
            <p:cNvSpPr/>
            <p:nvPr/>
          </p:nvSpPr>
          <p:spPr>
            <a:xfrm>
              <a:off x="8306069" y="5366317"/>
              <a:ext cx="326075" cy="326075"/>
            </a:xfrm>
            <a:custGeom>
              <a:avLst/>
              <a:gdLst>
                <a:gd name="connsiteX0" fmla="*/ 38492 w 326075"/>
                <a:gd name="connsiteY0" fmla="*/ 326075 h 326075"/>
                <a:gd name="connsiteX1" fmla="*/ 6613 w 326075"/>
                <a:gd name="connsiteY1" fmla="*/ 294197 h 326075"/>
                <a:gd name="connsiteX2" fmla="*/ 6613 w 326075"/>
                <a:gd name="connsiteY2" fmla="*/ 262318 h 326075"/>
                <a:gd name="connsiteX3" fmla="*/ 262318 w 326075"/>
                <a:gd name="connsiteY3" fmla="*/ 6613 h 326075"/>
                <a:gd name="connsiteX4" fmla="*/ 294197 w 326075"/>
                <a:gd name="connsiteY4" fmla="*/ 6613 h 326075"/>
                <a:gd name="connsiteX5" fmla="*/ 326075 w 326075"/>
                <a:gd name="connsiteY5" fmla="*/ 38491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38492" y="326075"/>
                  </a:moveTo>
                  <a:lnTo>
                    <a:pt x="6613" y="294197"/>
                  </a:lnTo>
                  <a:cubicBezTo>
                    <a:pt x="-2204" y="285380"/>
                    <a:pt x="-2204" y="271136"/>
                    <a:pt x="6613" y="262318"/>
                  </a:cubicBezTo>
                  <a:lnTo>
                    <a:pt x="262318" y="6613"/>
                  </a:lnTo>
                  <a:cubicBezTo>
                    <a:pt x="271136" y="-2204"/>
                    <a:pt x="285379" y="-2204"/>
                    <a:pt x="294197" y="6613"/>
                  </a:cubicBezTo>
                  <a:lnTo>
                    <a:pt x="326075" y="38491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FBB848CF-DE1C-CE79-8F36-6E3DBB82C356}"/>
                </a:ext>
              </a:extLst>
            </p:cNvPr>
            <p:cNvSpPr/>
            <p:nvPr/>
          </p:nvSpPr>
          <p:spPr>
            <a:xfrm>
              <a:off x="8338929" y="4941101"/>
              <a:ext cx="213405" cy="447654"/>
            </a:xfrm>
            <a:custGeom>
              <a:avLst/>
              <a:gdLst>
                <a:gd name="connsiteX0" fmla="*/ 213406 w 213405"/>
                <a:gd name="connsiteY0" fmla="*/ 447654 h 447654"/>
                <a:gd name="connsiteX1" fmla="*/ 184240 w 213405"/>
                <a:gd name="connsiteY1" fmla="*/ 301601 h 447654"/>
                <a:gd name="connsiteX2" fmla="*/ 177006 w 213405"/>
                <a:gd name="connsiteY2" fmla="*/ 274471 h 447654"/>
                <a:gd name="connsiteX3" fmla="*/ 85440 w 213405"/>
                <a:gd name="connsiteY3" fmla="*/ 0 h 447654"/>
                <a:gd name="connsiteX4" fmla="*/ 55596 w 213405"/>
                <a:gd name="connsiteY4" fmla="*/ 9948 h 447654"/>
                <a:gd name="connsiteX5" fmla="*/ 1109 w 213405"/>
                <a:gd name="connsiteY5" fmla="*/ 100836 h 447654"/>
                <a:gd name="connsiteX6" fmla="*/ 19648 w 213405"/>
                <a:gd name="connsiteY6" fmla="*/ 212297 h 447654"/>
                <a:gd name="connsiteX7" fmla="*/ 13318 w 213405"/>
                <a:gd name="connsiteY7" fmla="*/ 231966 h 447654"/>
                <a:gd name="connsiteX8" fmla="*/ 5631 w 213405"/>
                <a:gd name="connsiteY8" fmla="*/ 239653 h 4476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13405" h="447654">
                  <a:moveTo>
                    <a:pt x="213406" y="447654"/>
                  </a:moveTo>
                  <a:lnTo>
                    <a:pt x="184240" y="301601"/>
                  </a:lnTo>
                  <a:cubicBezTo>
                    <a:pt x="182432" y="292332"/>
                    <a:pt x="179945" y="283288"/>
                    <a:pt x="177006" y="274471"/>
                  </a:cubicBezTo>
                  <a:lnTo>
                    <a:pt x="85440" y="0"/>
                  </a:lnTo>
                  <a:lnTo>
                    <a:pt x="55596" y="9948"/>
                  </a:lnTo>
                  <a:cubicBezTo>
                    <a:pt x="17614" y="22835"/>
                    <a:pt x="-5447" y="61270"/>
                    <a:pt x="1109" y="100836"/>
                  </a:cubicBezTo>
                  <a:lnTo>
                    <a:pt x="19648" y="212297"/>
                  </a:lnTo>
                  <a:cubicBezTo>
                    <a:pt x="20779" y="219532"/>
                    <a:pt x="18518" y="226766"/>
                    <a:pt x="13318" y="231966"/>
                  </a:cubicBezTo>
                  <a:lnTo>
                    <a:pt x="5631" y="239653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E90051A1-F203-3194-DF23-78C8C87EF5E3}"/>
                </a:ext>
              </a:extLst>
            </p:cNvPr>
            <p:cNvSpPr/>
            <p:nvPr/>
          </p:nvSpPr>
          <p:spPr>
            <a:xfrm>
              <a:off x="7502157" y="4561952"/>
              <a:ext cx="326075" cy="326075"/>
            </a:xfrm>
            <a:custGeom>
              <a:avLst/>
              <a:gdLst>
                <a:gd name="connsiteX0" fmla="*/ 287584 w 326075"/>
                <a:gd name="connsiteY0" fmla="*/ 0 h 326075"/>
                <a:gd name="connsiteX1" fmla="*/ 319462 w 326075"/>
                <a:gd name="connsiteY1" fmla="*/ 31878 h 326075"/>
                <a:gd name="connsiteX2" fmla="*/ 319462 w 326075"/>
                <a:gd name="connsiteY2" fmla="*/ 63757 h 326075"/>
                <a:gd name="connsiteX3" fmla="*/ 63757 w 326075"/>
                <a:gd name="connsiteY3" fmla="*/ 319462 h 326075"/>
                <a:gd name="connsiteX4" fmla="*/ 31878 w 326075"/>
                <a:gd name="connsiteY4" fmla="*/ 319462 h 326075"/>
                <a:gd name="connsiteX5" fmla="*/ 0 w 326075"/>
                <a:gd name="connsiteY5" fmla="*/ 287584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287584" y="0"/>
                  </a:moveTo>
                  <a:lnTo>
                    <a:pt x="319462" y="31878"/>
                  </a:lnTo>
                  <a:cubicBezTo>
                    <a:pt x="328280" y="40696"/>
                    <a:pt x="328280" y="54939"/>
                    <a:pt x="319462" y="63757"/>
                  </a:cubicBezTo>
                  <a:lnTo>
                    <a:pt x="63757" y="319462"/>
                  </a:lnTo>
                  <a:cubicBezTo>
                    <a:pt x="54940" y="328279"/>
                    <a:pt x="40696" y="328279"/>
                    <a:pt x="31878" y="319462"/>
                  </a:cubicBezTo>
                  <a:lnTo>
                    <a:pt x="0" y="287584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5688C4A8-2A7C-5055-DDDF-A20D883DABF6}"/>
                </a:ext>
              </a:extLst>
            </p:cNvPr>
            <p:cNvSpPr/>
            <p:nvPr/>
          </p:nvSpPr>
          <p:spPr>
            <a:xfrm>
              <a:off x="8269499" y="5574600"/>
              <a:ext cx="59008" cy="37982"/>
            </a:xfrm>
            <a:custGeom>
              <a:avLst/>
              <a:gdLst>
                <a:gd name="connsiteX0" fmla="*/ 0 w 59008"/>
                <a:gd name="connsiteY0" fmla="*/ 0 h 37982"/>
                <a:gd name="connsiteX1" fmla="*/ 14244 w 59008"/>
                <a:gd name="connsiteY1" fmla="*/ 3165 h 37982"/>
                <a:gd name="connsiteX2" fmla="*/ 36400 w 59008"/>
                <a:gd name="connsiteY2" fmla="*/ 15374 h 37982"/>
                <a:gd name="connsiteX3" fmla="*/ 59009 w 59008"/>
                <a:gd name="connsiteY3" fmla="*/ 37983 h 379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59008" h="37982">
                  <a:moveTo>
                    <a:pt x="0" y="0"/>
                  </a:moveTo>
                  <a:lnTo>
                    <a:pt x="14244" y="3165"/>
                  </a:lnTo>
                  <a:cubicBezTo>
                    <a:pt x="22609" y="4974"/>
                    <a:pt x="30296" y="9270"/>
                    <a:pt x="36400" y="15374"/>
                  </a:cubicBezTo>
                  <a:lnTo>
                    <a:pt x="59009" y="37983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438DB87B-364F-75BB-3ABD-78CA5077481D}"/>
                </a:ext>
              </a:extLst>
            </p:cNvPr>
            <p:cNvSpPr/>
            <p:nvPr/>
          </p:nvSpPr>
          <p:spPr>
            <a:xfrm>
              <a:off x="7581965" y="4865588"/>
              <a:ext cx="66696" cy="264296"/>
            </a:xfrm>
            <a:custGeom>
              <a:avLst/>
              <a:gdLst>
                <a:gd name="connsiteX0" fmla="*/ 0 w 66696"/>
                <a:gd name="connsiteY0" fmla="*/ 0 h 264296"/>
                <a:gd name="connsiteX1" fmla="*/ 29166 w 66696"/>
                <a:gd name="connsiteY1" fmla="*/ 146053 h 264296"/>
                <a:gd name="connsiteX2" fmla="*/ 36400 w 66696"/>
                <a:gd name="connsiteY2" fmla="*/ 173183 h 264296"/>
                <a:gd name="connsiteX3" fmla="*/ 66696 w 66696"/>
                <a:gd name="connsiteY3" fmla="*/ 264297 h 2642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66696" h="264296">
                  <a:moveTo>
                    <a:pt x="0" y="0"/>
                  </a:moveTo>
                  <a:lnTo>
                    <a:pt x="29166" y="146053"/>
                  </a:lnTo>
                  <a:cubicBezTo>
                    <a:pt x="30974" y="155322"/>
                    <a:pt x="33461" y="164366"/>
                    <a:pt x="36400" y="173183"/>
                  </a:cubicBezTo>
                  <a:lnTo>
                    <a:pt x="66696" y="264297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EDC7B87B-A137-8A6D-285C-BB2B444D258B}"/>
                </a:ext>
              </a:extLst>
            </p:cNvPr>
            <p:cNvSpPr/>
            <p:nvPr/>
          </p:nvSpPr>
          <p:spPr>
            <a:xfrm>
              <a:off x="7805793" y="4641987"/>
              <a:ext cx="59008" cy="37982"/>
            </a:xfrm>
            <a:custGeom>
              <a:avLst/>
              <a:gdLst>
                <a:gd name="connsiteX0" fmla="*/ 59009 w 59008"/>
                <a:gd name="connsiteY0" fmla="*/ 37983 h 37982"/>
                <a:gd name="connsiteX1" fmla="*/ 44765 w 59008"/>
                <a:gd name="connsiteY1" fmla="*/ 34817 h 37982"/>
                <a:gd name="connsiteX2" fmla="*/ 22609 w 59008"/>
                <a:gd name="connsiteY2" fmla="*/ 22609 h 37982"/>
                <a:gd name="connsiteX3" fmla="*/ 0 w 59008"/>
                <a:gd name="connsiteY3" fmla="*/ 0 h 379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59008" h="37982">
                  <a:moveTo>
                    <a:pt x="59009" y="37983"/>
                  </a:moveTo>
                  <a:lnTo>
                    <a:pt x="44765" y="34817"/>
                  </a:lnTo>
                  <a:cubicBezTo>
                    <a:pt x="36400" y="33009"/>
                    <a:pt x="28713" y="28713"/>
                    <a:pt x="22609" y="22609"/>
                  </a:cubicBezTo>
                  <a:lnTo>
                    <a:pt x="0" y="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5F6D6B43-350B-E6B2-B76B-3DEAE51E657E}"/>
                </a:ext>
              </a:extLst>
            </p:cNvPr>
            <p:cNvSpPr/>
            <p:nvPr/>
          </p:nvSpPr>
          <p:spPr>
            <a:xfrm>
              <a:off x="8514352" y="4865814"/>
              <a:ext cx="37982" cy="59008"/>
            </a:xfrm>
            <a:custGeom>
              <a:avLst/>
              <a:gdLst>
                <a:gd name="connsiteX0" fmla="*/ 0 w 37982"/>
                <a:gd name="connsiteY0" fmla="*/ 59009 h 59008"/>
                <a:gd name="connsiteX1" fmla="*/ 3165 w 37982"/>
                <a:gd name="connsiteY1" fmla="*/ 44766 h 59008"/>
                <a:gd name="connsiteX2" fmla="*/ 15374 w 37982"/>
                <a:gd name="connsiteY2" fmla="*/ 22609 h 59008"/>
                <a:gd name="connsiteX3" fmla="*/ 37983 w 37982"/>
                <a:gd name="connsiteY3" fmla="*/ 0 h 5900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7982" h="59008">
                  <a:moveTo>
                    <a:pt x="0" y="59009"/>
                  </a:moveTo>
                  <a:lnTo>
                    <a:pt x="3165" y="44766"/>
                  </a:lnTo>
                  <a:cubicBezTo>
                    <a:pt x="4974" y="36400"/>
                    <a:pt x="9270" y="28713"/>
                    <a:pt x="15374" y="22609"/>
                  </a:cubicBezTo>
                  <a:lnTo>
                    <a:pt x="37983" y="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1874ABD1-9768-485D-11AA-9C20EEFA789D}"/>
                </a:ext>
              </a:extLst>
            </p:cNvPr>
            <p:cNvSpPr/>
            <p:nvPr/>
          </p:nvSpPr>
          <p:spPr>
            <a:xfrm>
              <a:off x="7881080" y="4641987"/>
              <a:ext cx="447654" cy="227670"/>
            </a:xfrm>
            <a:custGeom>
              <a:avLst/>
              <a:gdLst>
                <a:gd name="connsiteX0" fmla="*/ 447654 w 447654"/>
                <a:gd name="connsiteY0" fmla="*/ 0 h 227670"/>
                <a:gd name="connsiteX1" fmla="*/ 301601 w 447654"/>
                <a:gd name="connsiteY1" fmla="*/ 29165 h 227670"/>
                <a:gd name="connsiteX2" fmla="*/ 274471 w 447654"/>
                <a:gd name="connsiteY2" fmla="*/ 36400 h 227670"/>
                <a:gd name="connsiteX3" fmla="*/ 0 w 447654"/>
                <a:gd name="connsiteY3" fmla="*/ 127966 h 227670"/>
                <a:gd name="connsiteX4" fmla="*/ 9948 w 447654"/>
                <a:gd name="connsiteY4" fmla="*/ 157809 h 227670"/>
                <a:gd name="connsiteX5" fmla="*/ 100835 w 447654"/>
                <a:gd name="connsiteY5" fmla="*/ 212296 h 227670"/>
                <a:gd name="connsiteX6" fmla="*/ 212297 w 447654"/>
                <a:gd name="connsiteY6" fmla="*/ 193757 h 227670"/>
                <a:gd name="connsiteX7" fmla="*/ 231966 w 447654"/>
                <a:gd name="connsiteY7" fmla="*/ 200088 h 227670"/>
                <a:gd name="connsiteX8" fmla="*/ 239653 w 447654"/>
                <a:gd name="connsiteY8" fmla="*/ 207775 h 227670"/>
                <a:gd name="connsiteX9" fmla="*/ 219757 w 447654"/>
                <a:gd name="connsiteY9" fmla="*/ 227670 h 2276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447654" h="227670">
                  <a:moveTo>
                    <a:pt x="447654" y="0"/>
                  </a:moveTo>
                  <a:lnTo>
                    <a:pt x="301601" y="29165"/>
                  </a:lnTo>
                  <a:cubicBezTo>
                    <a:pt x="292331" y="30974"/>
                    <a:pt x="283288" y="33461"/>
                    <a:pt x="274471" y="36400"/>
                  </a:cubicBezTo>
                  <a:lnTo>
                    <a:pt x="0" y="127966"/>
                  </a:lnTo>
                  <a:lnTo>
                    <a:pt x="9948" y="157809"/>
                  </a:lnTo>
                  <a:cubicBezTo>
                    <a:pt x="22835" y="195792"/>
                    <a:pt x="61270" y="218853"/>
                    <a:pt x="100835" y="212296"/>
                  </a:cubicBezTo>
                  <a:lnTo>
                    <a:pt x="212297" y="193757"/>
                  </a:lnTo>
                  <a:cubicBezTo>
                    <a:pt x="219531" y="192627"/>
                    <a:pt x="226766" y="194888"/>
                    <a:pt x="231966" y="200088"/>
                  </a:cubicBezTo>
                  <a:lnTo>
                    <a:pt x="239653" y="207775"/>
                  </a:lnTo>
                  <a:lnTo>
                    <a:pt x="219757" y="22767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0C61F7FA-A032-D650-8A37-D861B3226356}"/>
              </a:ext>
            </a:extLst>
          </p:cNvPr>
          <p:cNvGrpSpPr>
            <a:grpSpLocks noChangeAspect="1"/>
          </p:cNvGrpSpPr>
          <p:nvPr/>
        </p:nvGrpSpPr>
        <p:grpSpPr>
          <a:xfrm>
            <a:off x="9859724" y="1927826"/>
            <a:ext cx="1555494" cy="938739"/>
            <a:chOff x="517772" y="862886"/>
            <a:chExt cx="1707866" cy="1030695"/>
          </a:xfrm>
        </p:grpSpPr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8FE52D04-4B9B-D59F-2F0C-D781854D8648}"/>
                </a:ext>
              </a:extLst>
            </p:cNvPr>
            <p:cNvSpPr/>
            <p:nvPr/>
          </p:nvSpPr>
          <p:spPr>
            <a:xfrm>
              <a:off x="1427112" y="862886"/>
              <a:ext cx="367106" cy="367166"/>
            </a:xfrm>
            <a:custGeom>
              <a:avLst/>
              <a:gdLst>
                <a:gd name="connsiteX0" fmla="*/ 183613 w 367106"/>
                <a:gd name="connsiteY0" fmla="*/ 367166 h 367166"/>
                <a:gd name="connsiteX1" fmla="*/ 367107 w 367106"/>
                <a:gd name="connsiteY1" fmla="*/ 183613 h 367166"/>
                <a:gd name="connsiteX2" fmla="*/ 183613 w 367106"/>
                <a:gd name="connsiteY2" fmla="*/ 0 h 367166"/>
                <a:gd name="connsiteX3" fmla="*/ 0 w 367106"/>
                <a:gd name="connsiteY3" fmla="*/ 183613 h 367166"/>
                <a:gd name="connsiteX4" fmla="*/ 183613 w 367106"/>
                <a:gd name="connsiteY4" fmla="*/ 367166 h 3671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67106" h="367166">
                  <a:moveTo>
                    <a:pt x="183613" y="367166"/>
                  </a:moveTo>
                  <a:cubicBezTo>
                    <a:pt x="284939" y="367166"/>
                    <a:pt x="367107" y="284998"/>
                    <a:pt x="367107" y="183613"/>
                  </a:cubicBezTo>
                  <a:cubicBezTo>
                    <a:pt x="367107" y="82227"/>
                    <a:pt x="284939" y="0"/>
                    <a:pt x="183613" y="0"/>
                  </a:cubicBezTo>
                  <a:cubicBezTo>
                    <a:pt x="82287" y="0"/>
                    <a:pt x="0" y="82168"/>
                    <a:pt x="0" y="183613"/>
                  </a:cubicBezTo>
                  <a:cubicBezTo>
                    <a:pt x="0" y="285058"/>
                    <a:pt x="82168" y="367166"/>
                    <a:pt x="183613" y="367166"/>
                  </a:cubicBez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4212DA8F-1C5A-9FA9-85BC-80BB5CE3058D}"/>
                </a:ext>
              </a:extLst>
            </p:cNvPr>
            <p:cNvSpPr/>
            <p:nvPr/>
          </p:nvSpPr>
          <p:spPr>
            <a:xfrm>
              <a:off x="902036" y="935355"/>
              <a:ext cx="354373" cy="354373"/>
            </a:xfrm>
            <a:custGeom>
              <a:avLst/>
              <a:gdLst>
                <a:gd name="connsiteX0" fmla="*/ 177187 w 354373"/>
                <a:gd name="connsiteY0" fmla="*/ 0 h 354373"/>
                <a:gd name="connsiteX1" fmla="*/ 0 w 354373"/>
                <a:gd name="connsiteY1" fmla="*/ 177187 h 354373"/>
                <a:gd name="connsiteX2" fmla="*/ 177187 w 354373"/>
                <a:gd name="connsiteY2" fmla="*/ 354374 h 354373"/>
                <a:gd name="connsiteX3" fmla="*/ 354374 w 354373"/>
                <a:gd name="connsiteY3" fmla="*/ 177187 h 354373"/>
                <a:gd name="connsiteX4" fmla="*/ 177187 w 354373"/>
                <a:gd name="connsiteY4" fmla="*/ 0 h 3543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4373" h="354373">
                  <a:moveTo>
                    <a:pt x="177187" y="0"/>
                  </a:moveTo>
                  <a:cubicBezTo>
                    <a:pt x="79312" y="0"/>
                    <a:pt x="0" y="79371"/>
                    <a:pt x="0" y="177187"/>
                  </a:cubicBezTo>
                  <a:cubicBezTo>
                    <a:pt x="0" y="275003"/>
                    <a:pt x="79371" y="354374"/>
                    <a:pt x="177187" y="354374"/>
                  </a:cubicBezTo>
                  <a:cubicBezTo>
                    <a:pt x="275003" y="354374"/>
                    <a:pt x="354374" y="275003"/>
                    <a:pt x="354374" y="177187"/>
                  </a:cubicBezTo>
                  <a:cubicBezTo>
                    <a:pt x="354374" y="79371"/>
                    <a:pt x="275062" y="0"/>
                    <a:pt x="177187" y="0"/>
                  </a:cubicBez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981950E1-F65E-2741-CDA9-8167188F487E}"/>
                </a:ext>
              </a:extLst>
            </p:cNvPr>
            <p:cNvSpPr/>
            <p:nvPr/>
          </p:nvSpPr>
          <p:spPr>
            <a:xfrm>
              <a:off x="1299785" y="1591982"/>
              <a:ext cx="145950" cy="301598"/>
            </a:xfrm>
            <a:custGeom>
              <a:avLst/>
              <a:gdLst>
                <a:gd name="connsiteX0" fmla="*/ 145950 w 145950"/>
                <a:gd name="connsiteY0" fmla="*/ 36056 h 301598"/>
                <a:gd name="connsiteX1" fmla="*/ 0 w 145950"/>
                <a:gd name="connsiteY1" fmla="*/ 0 h 301598"/>
                <a:gd name="connsiteX2" fmla="*/ 0 w 145950"/>
                <a:gd name="connsiteY2" fmla="*/ 301599 h 30159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45950" h="301598">
                  <a:moveTo>
                    <a:pt x="145950" y="36056"/>
                  </a:moveTo>
                  <a:cubicBezTo>
                    <a:pt x="119473" y="24275"/>
                    <a:pt x="30820" y="0"/>
                    <a:pt x="0" y="0"/>
                  </a:cubicBezTo>
                  <a:lnTo>
                    <a:pt x="0" y="301599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4C2E3DE8-B12B-A58F-B6E8-504D21975647}"/>
                </a:ext>
              </a:extLst>
            </p:cNvPr>
            <p:cNvSpPr/>
            <p:nvPr/>
          </p:nvSpPr>
          <p:spPr>
            <a:xfrm>
              <a:off x="517772" y="1100281"/>
              <a:ext cx="846866" cy="793180"/>
            </a:xfrm>
            <a:custGeom>
              <a:avLst/>
              <a:gdLst>
                <a:gd name="connsiteX0" fmla="*/ 846866 w 846866"/>
                <a:gd name="connsiteY0" fmla="*/ 299521 h 793180"/>
                <a:gd name="connsiteX1" fmla="*/ 673249 w 846866"/>
                <a:gd name="connsiteY1" fmla="*/ 275007 h 793180"/>
                <a:gd name="connsiteX2" fmla="*/ 514031 w 846866"/>
                <a:gd name="connsiteY2" fmla="*/ 266439 h 793180"/>
                <a:gd name="connsiteX3" fmla="*/ 123958 w 846866"/>
                <a:gd name="connsiteY3" fmla="*/ 25589 h 793180"/>
                <a:gd name="connsiteX4" fmla="*/ 16146 w 846866"/>
                <a:gd name="connsiteY4" fmla="*/ 24161 h 793180"/>
                <a:gd name="connsiteX5" fmla="*/ 21204 w 846866"/>
                <a:gd name="connsiteY5" fmla="*/ 124416 h 793180"/>
                <a:gd name="connsiteX6" fmla="*/ 386228 w 846866"/>
                <a:gd name="connsiteY6" fmla="*/ 446542 h 793180"/>
                <a:gd name="connsiteX7" fmla="*/ 413835 w 846866"/>
                <a:gd name="connsiteY7" fmla="*/ 793181 h 7931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46866" h="793180">
                  <a:moveTo>
                    <a:pt x="846866" y="299521"/>
                  </a:moveTo>
                  <a:cubicBezTo>
                    <a:pt x="798256" y="281017"/>
                    <a:pt x="720015" y="276435"/>
                    <a:pt x="673249" y="275007"/>
                  </a:cubicBezTo>
                  <a:cubicBezTo>
                    <a:pt x="633445" y="273758"/>
                    <a:pt x="604945" y="275602"/>
                    <a:pt x="514031" y="266439"/>
                  </a:cubicBezTo>
                  <a:cubicBezTo>
                    <a:pt x="312152" y="246150"/>
                    <a:pt x="199640" y="111624"/>
                    <a:pt x="123958" y="25589"/>
                  </a:cubicBezTo>
                  <a:cubicBezTo>
                    <a:pt x="86533" y="-16953"/>
                    <a:pt x="35959" y="1432"/>
                    <a:pt x="16146" y="24161"/>
                  </a:cubicBezTo>
                  <a:cubicBezTo>
                    <a:pt x="-9914" y="54148"/>
                    <a:pt x="-1644" y="87587"/>
                    <a:pt x="21204" y="124416"/>
                  </a:cubicBezTo>
                  <a:cubicBezTo>
                    <a:pt x="178459" y="378178"/>
                    <a:pt x="386228" y="446542"/>
                    <a:pt x="386228" y="446542"/>
                  </a:cubicBezTo>
                  <a:lnTo>
                    <a:pt x="413835" y="793181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980983DF-CFC1-5DE7-5799-EF2C182CAE78}"/>
                </a:ext>
              </a:extLst>
            </p:cNvPr>
            <p:cNvSpPr/>
            <p:nvPr/>
          </p:nvSpPr>
          <p:spPr>
            <a:xfrm>
              <a:off x="1364698" y="1101270"/>
              <a:ext cx="860940" cy="792311"/>
            </a:xfrm>
            <a:custGeom>
              <a:avLst/>
              <a:gdLst>
                <a:gd name="connsiteX0" fmla="*/ 433745 w 860940"/>
                <a:gd name="connsiteY0" fmla="*/ 792252 h 792311"/>
                <a:gd name="connsiteX1" fmla="*/ 471229 w 860940"/>
                <a:gd name="connsiteY1" fmla="*/ 396407 h 792311"/>
                <a:gd name="connsiteX2" fmla="*/ 841727 w 860940"/>
                <a:gd name="connsiteY2" fmla="*/ 120929 h 792311"/>
                <a:gd name="connsiteX3" fmla="*/ 841370 w 860940"/>
                <a:gd name="connsiteY3" fmla="*/ 22994 h 792311"/>
                <a:gd name="connsiteX4" fmla="*/ 737248 w 860940"/>
                <a:gd name="connsiteY4" fmla="*/ 23886 h 792311"/>
                <a:gd name="connsiteX5" fmla="*/ 360502 w 860940"/>
                <a:gd name="connsiteY5" fmla="*/ 209700 h 792311"/>
                <a:gd name="connsiteX6" fmla="*/ 190515 w 860940"/>
                <a:gd name="connsiteY6" fmla="*/ 220470 h 792311"/>
                <a:gd name="connsiteX7" fmla="*/ 0 w 860940"/>
                <a:gd name="connsiteY7" fmla="*/ 298591 h 792311"/>
                <a:gd name="connsiteX8" fmla="*/ 81870 w 860940"/>
                <a:gd name="connsiteY8" fmla="*/ 443709 h 792311"/>
                <a:gd name="connsiteX9" fmla="*/ 81870 w 860940"/>
                <a:gd name="connsiteY9" fmla="*/ 792311 h 7923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60940" h="792311">
                  <a:moveTo>
                    <a:pt x="433745" y="792252"/>
                  </a:moveTo>
                  <a:lnTo>
                    <a:pt x="471229" y="396407"/>
                  </a:lnTo>
                  <a:cubicBezTo>
                    <a:pt x="471229" y="396407"/>
                    <a:pt x="695837" y="328757"/>
                    <a:pt x="841727" y="120929"/>
                  </a:cubicBezTo>
                  <a:cubicBezTo>
                    <a:pt x="866657" y="85467"/>
                    <a:pt x="868145" y="49947"/>
                    <a:pt x="841370" y="22994"/>
                  </a:cubicBezTo>
                  <a:cubicBezTo>
                    <a:pt x="820129" y="1574"/>
                    <a:pt x="777469" y="-16097"/>
                    <a:pt x="737248" y="23886"/>
                  </a:cubicBezTo>
                  <a:cubicBezTo>
                    <a:pt x="662755" y="97903"/>
                    <a:pt x="553397" y="175251"/>
                    <a:pt x="360502" y="209700"/>
                  </a:cubicBezTo>
                  <a:cubicBezTo>
                    <a:pt x="297731" y="220946"/>
                    <a:pt x="233056" y="219577"/>
                    <a:pt x="190515" y="220470"/>
                  </a:cubicBezTo>
                  <a:cubicBezTo>
                    <a:pt x="114475" y="221957"/>
                    <a:pt x="41709" y="248791"/>
                    <a:pt x="0" y="298591"/>
                  </a:cubicBezTo>
                  <a:cubicBezTo>
                    <a:pt x="0" y="298591"/>
                    <a:pt x="81870" y="338158"/>
                    <a:pt x="81870" y="443709"/>
                  </a:cubicBezTo>
                  <a:lnTo>
                    <a:pt x="81870" y="792311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52" name="Group 51">
            <a:extLst>
              <a:ext uri="{FF2B5EF4-FFF2-40B4-BE49-F238E27FC236}">
                <a16:creationId xmlns:a16="http://schemas.microsoft.com/office/drawing/2014/main" id="{3F31D00B-3EB7-FCE8-3B9E-9B51A0ED4B6A}"/>
              </a:ext>
            </a:extLst>
          </p:cNvPr>
          <p:cNvGrpSpPr/>
          <p:nvPr/>
        </p:nvGrpSpPr>
        <p:grpSpPr>
          <a:xfrm>
            <a:off x="5518090" y="1908835"/>
            <a:ext cx="1025398" cy="1197850"/>
            <a:chOff x="1128712" y="1108075"/>
            <a:chExt cx="698501" cy="815975"/>
          </a:xfrm>
        </p:grpSpPr>
        <p:sp>
          <p:nvSpPr>
            <p:cNvPr id="39" name="Line 235">
              <a:extLst>
                <a:ext uri="{FF2B5EF4-FFF2-40B4-BE49-F238E27FC236}">
                  <a16:creationId xmlns:a16="http://schemas.microsoft.com/office/drawing/2014/main" id="{E34CB3AD-1C61-1288-2494-3E0323234346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506537" y="1168400"/>
              <a:ext cx="0" cy="0"/>
            </a:xfrm>
            <a:prstGeom prst="line">
              <a:avLst/>
            </a:pr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0" name="Freeform 236">
              <a:extLst>
                <a:ext uri="{FF2B5EF4-FFF2-40B4-BE49-F238E27FC236}">
                  <a16:creationId xmlns:a16="http://schemas.microsoft.com/office/drawing/2014/main" id="{8C549420-B6C6-9898-554B-A4DC3067B68D}"/>
                </a:ext>
              </a:extLst>
            </p:cNvPr>
            <p:cNvSpPr>
              <a:spLocks/>
            </p:cNvSpPr>
            <p:nvPr/>
          </p:nvSpPr>
          <p:spPr bwMode="auto">
            <a:xfrm>
              <a:off x="1684337" y="1595437"/>
              <a:ext cx="112713" cy="114300"/>
            </a:xfrm>
            <a:custGeom>
              <a:avLst/>
              <a:gdLst>
                <a:gd name="T0" fmla="*/ 20 w 30"/>
                <a:gd name="T1" fmla="*/ 26 h 30"/>
                <a:gd name="T2" fmla="*/ 4 w 30"/>
                <a:gd name="T3" fmla="*/ 26 h 30"/>
                <a:gd name="T4" fmla="*/ 4 w 30"/>
                <a:gd name="T5" fmla="*/ 10 h 30"/>
                <a:gd name="T6" fmla="*/ 10 w 30"/>
                <a:gd name="T7" fmla="*/ 4 h 30"/>
                <a:gd name="T8" fmla="*/ 26 w 30"/>
                <a:gd name="T9" fmla="*/ 4 h 30"/>
                <a:gd name="T10" fmla="*/ 26 w 30"/>
                <a:gd name="T11" fmla="*/ 20 h 30"/>
                <a:gd name="T12" fmla="*/ 20 w 30"/>
                <a:gd name="T13" fmla="*/ 26 h 3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0" h="30">
                  <a:moveTo>
                    <a:pt x="20" y="26"/>
                  </a:moveTo>
                  <a:cubicBezTo>
                    <a:pt x="16" y="30"/>
                    <a:pt x="9" y="30"/>
                    <a:pt x="4" y="26"/>
                  </a:cubicBezTo>
                  <a:cubicBezTo>
                    <a:pt x="0" y="21"/>
                    <a:pt x="0" y="14"/>
                    <a:pt x="4" y="10"/>
                  </a:cubicBezTo>
                  <a:cubicBezTo>
                    <a:pt x="10" y="4"/>
                    <a:pt x="10" y="4"/>
                    <a:pt x="10" y="4"/>
                  </a:cubicBezTo>
                  <a:cubicBezTo>
                    <a:pt x="14" y="0"/>
                    <a:pt x="21" y="0"/>
                    <a:pt x="26" y="4"/>
                  </a:cubicBezTo>
                  <a:cubicBezTo>
                    <a:pt x="30" y="9"/>
                    <a:pt x="30" y="16"/>
                    <a:pt x="26" y="20"/>
                  </a:cubicBezTo>
                  <a:lnTo>
                    <a:pt x="20" y="26"/>
                  </a:lnTo>
                  <a:close/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1" name="Freeform 237">
              <a:extLst>
                <a:ext uri="{FF2B5EF4-FFF2-40B4-BE49-F238E27FC236}">
                  <a16:creationId xmlns:a16="http://schemas.microsoft.com/office/drawing/2014/main" id="{DD6CC6BE-A6F4-0C69-0607-C15B6E258C76}"/>
                </a:ext>
              </a:extLst>
            </p:cNvPr>
            <p:cNvSpPr>
              <a:spLocks/>
            </p:cNvSpPr>
            <p:nvPr/>
          </p:nvSpPr>
          <p:spPr bwMode="auto">
            <a:xfrm>
              <a:off x="1668462" y="1482725"/>
              <a:ext cx="128588" cy="128588"/>
            </a:xfrm>
            <a:custGeom>
              <a:avLst/>
              <a:gdLst>
                <a:gd name="T0" fmla="*/ 20 w 34"/>
                <a:gd name="T1" fmla="*/ 30 h 34"/>
                <a:gd name="T2" fmla="*/ 4 w 34"/>
                <a:gd name="T3" fmla="*/ 30 h 34"/>
                <a:gd name="T4" fmla="*/ 4 w 34"/>
                <a:gd name="T5" fmla="*/ 14 h 34"/>
                <a:gd name="T6" fmla="*/ 14 w 34"/>
                <a:gd name="T7" fmla="*/ 4 h 34"/>
                <a:gd name="T8" fmla="*/ 30 w 34"/>
                <a:gd name="T9" fmla="*/ 4 h 34"/>
                <a:gd name="T10" fmla="*/ 30 w 34"/>
                <a:gd name="T11" fmla="*/ 20 h 34"/>
                <a:gd name="T12" fmla="*/ 20 w 34"/>
                <a:gd name="T13" fmla="*/ 30 h 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4" h="34">
                  <a:moveTo>
                    <a:pt x="20" y="30"/>
                  </a:moveTo>
                  <a:cubicBezTo>
                    <a:pt x="16" y="34"/>
                    <a:pt x="9" y="34"/>
                    <a:pt x="4" y="30"/>
                  </a:cubicBezTo>
                  <a:cubicBezTo>
                    <a:pt x="0" y="25"/>
                    <a:pt x="0" y="18"/>
                    <a:pt x="4" y="14"/>
                  </a:cubicBezTo>
                  <a:cubicBezTo>
                    <a:pt x="14" y="4"/>
                    <a:pt x="14" y="4"/>
                    <a:pt x="14" y="4"/>
                  </a:cubicBezTo>
                  <a:cubicBezTo>
                    <a:pt x="18" y="0"/>
                    <a:pt x="25" y="0"/>
                    <a:pt x="30" y="4"/>
                  </a:cubicBezTo>
                  <a:cubicBezTo>
                    <a:pt x="34" y="9"/>
                    <a:pt x="34" y="16"/>
                    <a:pt x="30" y="20"/>
                  </a:cubicBezTo>
                  <a:lnTo>
                    <a:pt x="20" y="30"/>
                  </a:lnTo>
                  <a:close/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2" name="Freeform 238">
              <a:extLst>
                <a:ext uri="{FF2B5EF4-FFF2-40B4-BE49-F238E27FC236}">
                  <a16:creationId xmlns:a16="http://schemas.microsoft.com/office/drawing/2014/main" id="{C3D9DBD7-6B66-64A5-6E1E-49EE3291A066}"/>
                </a:ext>
              </a:extLst>
            </p:cNvPr>
            <p:cNvSpPr>
              <a:spLocks/>
            </p:cNvSpPr>
            <p:nvPr/>
          </p:nvSpPr>
          <p:spPr bwMode="auto">
            <a:xfrm>
              <a:off x="1654175" y="1362075"/>
              <a:ext cx="142875" cy="142875"/>
            </a:xfrm>
            <a:custGeom>
              <a:avLst/>
              <a:gdLst>
                <a:gd name="T0" fmla="*/ 20 w 38"/>
                <a:gd name="T1" fmla="*/ 34 h 38"/>
                <a:gd name="T2" fmla="*/ 4 w 38"/>
                <a:gd name="T3" fmla="*/ 34 h 38"/>
                <a:gd name="T4" fmla="*/ 4 w 38"/>
                <a:gd name="T5" fmla="*/ 18 h 38"/>
                <a:gd name="T6" fmla="*/ 18 w 38"/>
                <a:gd name="T7" fmla="*/ 4 h 38"/>
                <a:gd name="T8" fmla="*/ 34 w 38"/>
                <a:gd name="T9" fmla="*/ 4 h 38"/>
                <a:gd name="T10" fmla="*/ 34 w 38"/>
                <a:gd name="T11" fmla="*/ 20 h 38"/>
                <a:gd name="T12" fmla="*/ 20 w 38"/>
                <a:gd name="T13" fmla="*/ 34 h 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8" h="38">
                  <a:moveTo>
                    <a:pt x="20" y="34"/>
                  </a:moveTo>
                  <a:cubicBezTo>
                    <a:pt x="16" y="38"/>
                    <a:pt x="9" y="38"/>
                    <a:pt x="4" y="34"/>
                  </a:cubicBezTo>
                  <a:cubicBezTo>
                    <a:pt x="0" y="29"/>
                    <a:pt x="0" y="22"/>
                    <a:pt x="4" y="18"/>
                  </a:cubicBezTo>
                  <a:cubicBezTo>
                    <a:pt x="18" y="4"/>
                    <a:pt x="18" y="4"/>
                    <a:pt x="18" y="4"/>
                  </a:cubicBezTo>
                  <a:cubicBezTo>
                    <a:pt x="22" y="0"/>
                    <a:pt x="29" y="0"/>
                    <a:pt x="34" y="4"/>
                  </a:cubicBezTo>
                  <a:cubicBezTo>
                    <a:pt x="38" y="9"/>
                    <a:pt x="38" y="16"/>
                    <a:pt x="34" y="20"/>
                  </a:cubicBezTo>
                  <a:lnTo>
                    <a:pt x="20" y="34"/>
                  </a:lnTo>
                  <a:close/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3" name="Freeform 239">
              <a:extLst>
                <a:ext uri="{FF2B5EF4-FFF2-40B4-BE49-F238E27FC236}">
                  <a16:creationId xmlns:a16="http://schemas.microsoft.com/office/drawing/2014/main" id="{E6BD7BDC-D518-0392-F71C-DE6C43FFA154}"/>
                </a:ext>
              </a:extLst>
            </p:cNvPr>
            <p:cNvSpPr>
              <a:spLocks/>
            </p:cNvSpPr>
            <p:nvPr/>
          </p:nvSpPr>
          <p:spPr bwMode="auto">
            <a:xfrm>
              <a:off x="1701800" y="1179512"/>
              <a:ext cx="125413" cy="185738"/>
            </a:xfrm>
            <a:custGeom>
              <a:avLst/>
              <a:gdLst>
                <a:gd name="T0" fmla="*/ 0 w 33"/>
                <a:gd name="T1" fmla="*/ 49 h 49"/>
                <a:gd name="T2" fmla="*/ 29 w 33"/>
                <a:gd name="T3" fmla="*/ 20 h 49"/>
                <a:gd name="T4" fmla="*/ 29 w 33"/>
                <a:gd name="T5" fmla="*/ 4 h 49"/>
                <a:gd name="T6" fmla="*/ 13 w 33"/>
                <a:gd name="T7" fmla="*/ 4 h 49"/>
                <a:gd name="T8" fmla="*/ 0 w 33"/>
                <a:gd name="T9" fmla="*/ 17 h 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3" h="49">
                  <a:moveTo>
                    <a:pt x="0" y="49"/>
                  </a:moveTo>
                  <a:cubicBezTo>
                    <a:pt x="29" y="20"/>
                    <a:pt x="29" y="20"/>
                    <a:pt x="29" y="20"/>
                  </a:cubicBezTo>
                  <a:cubicBezTo>
                    <a:pt x="33" y="16"/>
                    <a:pt x="33" y="9"/>
                    <a:pt x="29" y="4"/>
                  </a:cubicBezTo>
                  <a:cubicBezTo>
                    <a:pt x="24" y="0"/>
                    <a:pt x="17" y="0"/>
                    <a:pt x="13" y="4"/>
                  </a:cubicBezTo>
                  <a:cubicBezTo>
                    <a:pt x="0" y="17"/>
                    <a:pt x="0" y="17"/>
                    <a:pt x="0" y="17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4" name="Line 240">
              <a:extLst>
                <a:ext uri="{FF2B5EF4-FFF2-40B4-BE49-F238E27FC236}">
                  <a16:creationId xmlns:a16="http://schemas.microsoft.com/office/drawing/2014/main" id="{E740719E-B2A7-078D-9B0B-4CEDB69D189C}"/>
                </a:ext>
              </a:extLst>
            </p:cNvPr>
            <p:cNvSpPr>
              <a:spLocks noChangeShapeType="1"/>
            </p:cNvSpPr>
            <p:nvPr/>
          </p:nvSpPr>
          <p:spPr bwMode="auto">
            <a:xfrm flipH="1">
              <a:off x="1476375" y="1712912"/>
              <a:ext cx="60325" cy="0"/>
            </a:xfrm>
            <a:prstGeom prst="line">
              <a:avLst/>
            </a:pr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5" name="Freeform 241">
              <a:extLst>
                <a:ext uri="{FF2B5EF4-FFF2-40B4-BE49-F238E27FC236}">
                  <a16:creationId xmlns:a16="http://schemas.microsoft.com/office/drawing/2014/main" id="{AD68E5F8-AEDA-A9B9-3F2E-D3BE38EC564D}"/>
                </a:ext>
              </a:extLst>
            </p:cNvPr>
            <p:cNvSpPr>
              <a:spLocks/>
            </p:cNvSpPr>
            <p:nvPr/>
          </p:nvSpPr>
          <p:spPr bwMode="auto">
            <a:xfrm>
              <a:off x="1128712" y="1258887"/>
              <a:ext cx="241300" cy="484188"/>
            </a:xfrm>
            <a:custGeom>
              <a:avLst/>
              <a:gdLst>
                <a:gd name="T0" fmla="*/ 48 w 64"/>
                <a:gd name="T1" fmla="*/ 80 h 128"/>
                <a:gd name="T2" fmla="*/ 47 w 64"/>
                <a:gd name="T3" fmla="*/ 3 h 128"/>
                <a:gd name="T4" fmla="*/ 35 w 64"/>
                <a:gd name="T5" fmla="*/ 9 h 128"/>
                <a:gd name="T6" fmla="*/ 17 w 64"/>
                <a:gd name="T7" fmla="*/ 62 h 128"/>
                <a:gd name="T8" fmla="*/ 8 w 64"/>
                <a:gd name="T9" fmla="*/ 90 h 128"/>
                <a:gd name="T10" fmla="*/ 8 w 64"/>
                <a:gd name="T11" fmla="*/ 110 h 128"/>
                <a:gd name="T12" fmla="*/ 1 w 64"/>
                <a:gd name="T13" fmla="*/ 127 h 128"/>
                <a:gd name="T14" fmla="*/ 0 w 64"/>
                <a:gd name="T15" fmla="*/ 128 h 1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64" h="128">
                  <a:moveTo>
                    <a:pt x="48" y="80"/>
                  </a:moveTo>
                  <a:cubicBezTo>
                    <a:pt x="60" y="44"/>
                    <a:pt x="64" y="12"/>
                    <a:pt x="47" y="3"/>
                  </a:cubicBezTo>
                  <a:cubicBezTo>
                    <a:pt x="42" y="0"/>
                    <a:pt x="36" y="4"/>
                    <a:pt x="35" y="9"/>
                  </a:cubicBezTo>
                  <a:cubicBezTo>
                    <a:pt x="33" y="35"/>
                    <a:pt x="24" y="52"/>
                    <a:pt x="17" y="62"/>
                  </a:cubicBezTo>
                  <a:cubicBezTo>
                    <a:pt x="11" y="70"/>
                    <a:pt x="8" y="80"/>
                    <a:pt x="8" y="90"/>
                  </a:cubicBezTo>
                  <a:cubicBezTo>
                    <a:pt x="8" y="110"/>
                    <a:pt x="8" y="110"/>
                    <a:pt x="8" y="110"/>
                  </a:cubicBezTo>
                  <a:cubicBezTo>
                    <a:pt x="8" y="116"/>
                    <a:pt x="5" y="123"/>
                    <a:pt x="1" y="127"/>
                  </a:cubicBezTo>
                  <a:cubicBezTo>
                    <a:pt x="0" y="128"/>
                    <a:pt x="0" y="128"/>
                    <a:pt x="0" y="128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6" name="Freeform 242">
              <a:extLst>
                <a:ext uri="{FF2B5EF4-FFF2-40B4-BE49-F238E27FC236}">
                  <a16:creationId xmlns:a16="http://schemas.microsoft.com/office/drawing/2014/main" id="{CA14D79C-B223-EBA0-2637-86912471DE6F}"/>
                </a:ext>
              </a:extLst>
            </p:cNvPr>
            <p:cNvSpPr>
              <a:spLocks/>
            </p:cNvSpPr>
            <p:nvPr/>
          </p:nvSpPr>
          <p:spPr bwMode="auto">
            <a:xfrm>
              <a:off x="1309687" y="1108075"/>
              <a:ext cx="392113" cy="695325"/>
            </a:xfrm>
            <a:custGeom>
              <a:avLst/>
              <a:gdLst>
                <a:gd name="T0" fmla="*/ 104 w 104"/>
                <a:gd name="T1" fmla="*/ 76 h 184"/>
                <a:gd name="T2" fmla="*/ 104 w 104"/>
                <a:gd name="T3" fmla="*/ 16 h 184"/>
                <a:gd name="T4" fmla="*/ 88 w 104"/>
                <a:gd name="T5" fmla="*/ 0 h 184"/>
                <a:gd name="T6" fmla="*/ 16 w 104"/>
                <a:gd name="T7" fmla="*/ 0 h 184"/>
                <a:gd name="T8" fmla="*/ 0 w 104"/>
                <a:gd name="T9" fmla="*/ 16 h 184"/>
                <a:gd name="T10" fmla="*/ 0 w 104"/>
                <a:gd name="T11" fmla="*/ 43 h 184"/>
                <a:gd name="T12" fmla="*/ 0 w 104"/>
                <a:gd name="T13" fmla="*/ 120 h 184"/>
                <a:gd name="T14" fmla="*/ 0 w 104"/>
                <a:gd name="T15" fmla="*/ 168 h 184"/>
                <a:gd name="T16" fmla="*/ 16 w 104"/>
                <a:gd name="T17" fmla="*/ 184 h 184"/>
                <a:gd name="T18" fmla="*/ 81 w 104"/>
                <a:gd name="T19" fmla="*/ 184 h 184"/>
                <a:gd name="T20" fmla="*/ 88 w 104"/>
                <a:gd name="T21" fmla="*/ 184 h 184"/>
                <a:gd name="T22" fmla="*/ 104 w 104"/>
                <a:gd name="T23" fmla="*/ 168 h 184"/>
                <a:gd name="T24" fmla="*/ 104 w 104"/>
                <a:gd name="T25" fmla="*/ 155 h 1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104" h="184">
                  <a:moveTo>
                    <a:pt x="104" y="76"/>
                  </a:moveTo>
                  <a:cubicBezTo>
                    <a:pt x="104" y="16"/>
                    <a:pt x="104" y="16"/>
                    <a:pt x="104" y="16"/>
                  </a:cubicBezTo>
                  <a:cubicBezTo>
                    <a:pt x="104" y="7"/>
                    <a:pt x="97" y="0"/>
                    <a:pt x="88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7" y="0"/>
                    <a:pt x="0" y="7"/>
                    <a:pt x="0" y="16"/>
                  </a:cubicBezTo>
                  <a:cubicBezTo>
                    <a:pt x="0" y="43"/>
                    <a:pt x="0" y="43"/>
                    <a:pt x="0" y="43"/>
                  </a:cubicBezTo>
                  <a:cubicBezTo>
                    <a:pt x="15" y="54"/>
                    <a:pt x="12" y="85"/>
                    <a:pt x="0" y="120"/>
                  </a:cubicBezTo>
                  <a:cubicBezTo>
                    <a:pt x="0" y="168"/>
                    <a:pt x="0" y="168"/>
                    <a:pt x="0" y="168"/>
                  </a:cubicBezTo>
                  <a:cubicBezTo>
                    <a:pt x="0" y="177"/>
                    <a:pt x="7" y="184"/>
                    <a:pt x="16" y="184"/>
                  </a:cubicBezTo>
                  <a:cubicBezTo>
                    <a:pt x="81" y="184"/>
                    <a:pt x="81" y="184"/>
                    <a:pt x="81" y="184"/>
                  </a:cubicBezTo>
                  <a:cubicBezTo>
                    <a:pt x="88" y="184"/>
                    <a:pt x="88" y="184"/>
                    <a:pt x="88" y="184"/>
                  </a:cubicBezTo>
                  <a:cubicBezTo>
                    <a:pt x="97" y="184"/>
                    <a:pt x="104" y="177"/>
                    <a:pt x="104" y="168"/>
                  </a:cubicBezTo>
                  <a:cubicBezTo>
                    <a:pt x="104" y="155"/>
                    <a:pt x="104" y="155"/>
                    <a:pt x="104" y="155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7" name="Freeform 243">
              <a:extLst>
                <a:ext uri="{FF2B5EF4-FFF2-40B4-BE49-F238E27FC236}">
                  <a16:creationId xmlns:a16="http://schemas.microsoft.com/office/drawing/2014/main" id="{3A4E4445-2B78-8268-6FAC-56C10254AF06}"/>
                </a:ext>
              </a:extLst>
            </p:cNvPr>
            <p:cNvSpPr>
              <a:spLocks/>
            </p:cNvSpPr>
            <p:nvPr/>
          </p:nvSpPr>
          <p:spPr bwMode="auto">
            <a:xfrm>
              <a:off x="1355725" y="1803400"/>
              <a:ext cx="225425" cy="120650"/>
            </a:xfrm>
            <a:custGeom>
              <a:avLst/>
              <a:gdLst>
                <a:gd name="T0" fmla="*/ 60 w 60"/>
                <a:gd name="T1" fmla="*/ 0 h 32"/>
                <a:gd name="T2" fmla="*/ 16 w 60"/>
                <a:gd name="T3" fmla="*/ 24 h 32"/>
                <a:gd name="T4" fmla="*/ 2 w 60"/>
                <a:gd name="T5" fmla="*/ 30 h 32"/>
                <a:gd name="T6" fmla="*/ 0 w 60"/>
                <a:gd name="T7" fmla="*/ 3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60" h="32">
                  <a:moveTo>
                    <a:pt x="60" y="0"/>
                  </a:moveTo>
                  <a:cubicBezTo>
                    <a:pt x="49" y="13"/>
                    <a:pt x="34" y="21"/>
                    <a:pt x="16" y="24"/>
                  </a:cubicBezTo>
                  <a:cubicBezTo>
                    <a:pt x="11" y="24"/>
                    <a:pt x="6" y="26"/>
                    <a:pt x="2" y="30"/>
                  </a:cubicBezTo>
                  <a:cubicBezTo>
                    <a:pt x="0" y="32"/>
                    <a:pt x="0" y="32"/>
                    <a:pt x="0" y="32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8" name="Freeform 244">
              <a:extLst>
                <a:ext uri="{FF2B5EF4-FFF2-40B4-BE49-F238E27FC236}">
                  <a16:creationId xmlns:a16="http://schemas.microsoft.com/office/drawing/2014/main" id="{0101051F-4083-9247-70D0-4D33E1E3D5C5}"/>
                </a:ext>
              </a:extLst>
            </p:cNvPr>
            <p:cNvSpPr>
              <a:spLocks/>
            </p:cNvSpPr>
            <p:nvPr/>
          </p:nvSpPr>
          <p:spPr bwMode="auto">
            <a:xfrm>
              <a:off x="1430337" y="1258887"/>
              <a:ext cx="150813" cy="152400"/>
            </a:xfrm>
            <a:custGeom>
              <a:avLst/>
              <a:gdLst>
                <a:gd name="T0" fmla="*/ 40 w 40"/>
                <a:gd name="T1" fmla="*/ 28 h 40"/>
                <a:gd name="T2" fmla="*/ 40 w 40"/>
                <a:gd name="T3" fmla="*/ 36 h 40"/>
                <a:gd name="T4" fmla="*/ 36 w 40"/>
                <a:gd name="T5" fmla="*/ 40 h 40"/>
                <a:gd name="T6" fmla="*/ 4 w 40"/>
                <a:gd name="T7" fmla="*/ 40 h 40"/>
                <a:gd name="T8" fmla="*/ 0 w 40"/>
                <a:gd name="T9" fmla="*/ 36 h 40"/>
                <a:gd name="T10" fmla="*/ 0 w 40"/>
                <a:gd name="T11" fmla="*/ 4 h 40"/>
                <a:gd name="T12" fmla="*/ 4 w 40"/>
                <a:gd name="T13" fmla="*/ 0 h 40"/>
                <a:gd name="T14" fmla="*/ 28 w 40"/>
                <a:gd name="T15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40" h="40">
                  <a:moveTo>
                    <a:pt x="40" y="28"/>
                  </a:moveTo>
                  <a:cubicBezTo>
                    <a:pt x="40" y="36"/>
                    <a:pt x="40" y="36"/>
                    <a:pt x="40" y="36"/>
                  </a:cubicBezTo>
                  <a:cubicBezTo>
                    <a:pt x="40" y="38"/>
                    <a:pt x="38" y="40"/>
                    <a:pt x="36" y="40"/>
                  </a:cubicBezTo>
                  <a:cubicBezTo>
                    <a:pt x="4" y="40"/>
                    <a:pt x="4" y="40"/>
                    <a:pt x="4" y="40"/>
                  </a:cubicBezTo>
                  <a:cubicBezTo>
                    <a:pt x="2" y="40"/>
                    <a:pt x="0" y="38"/>
                    <a:pt x="0" y="3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2" y="0"/>
                    <a:pt x="4" y="0"/>
                  </a:cubicBezTo>
                  <a:cubicBezTo>
                    <a:pt x="28" y="0"/>
                    <a:pt x="28" y="0"/>
                    <a:pt x="28" y="0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9" name="Freeform 245">
              <a:extLst>
                <a:ext uri="{FF2B5EF4-FFF2-40B4-BE49-F238E27FC236}">
                  <a16:creationId xmlns:a16="http://schemas.microsoft.com/office/drawing/2014/main" id="{0A27A8A7-0844-5DBC-C45F-EB979CCFEDC6}"/>
                </a:ext>
              </a:extLst>
            </p:cNvPr>
            <p:cNvSpPr>
              <a:spLocks/>
            </p:cNvSpPr>
            <p:nvPr/>
          </p:nvSpPr>
          <p:spPr bwMode="auto">
            <a:xfrm>
              <a:off x="1490662" y="1258887"/>
              <a:ext cx="120650" cy="92075"/>
            </a:xfrm>
            <a:custGeom>
              <a:avLst/>
              <a:gdLst>
                <a:gd name="T0" fmla="*/ 76 w 76"/>
                <a:gd name="T1" fmla="*/ 0 h 58"/>
                <a:gd name="T2" fmla="*/ 57 w 76"/>
                <a:gd name="T3" fmla="*/ 19 h 58"/>
                <a:gd name="T4" fmla="*/ 19 w 76"/>
                <a:gd name="T5" fmla="*/ 58 h 58"/>
                <a:gd name="T6" fmla="*/ 0 w 76"/>
                <a:gd name="T7" fmla="*/ 39 h 5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6" h="58">
                  <a:moveTo>
                    <a:pt x="76" y="0"/>
                  </a:moveTo>
                  <a:lnTo>
                    <a:pt x="57" y="19"/>
                  </a:lnTo>
                  <a:lnTo>
                    <a:pt x="19" y="58"/>
                  </a:lnTo>
                  <a:lnTo>
                    <a:pt x="0" y="39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50" name="Freeform 246">
              <a:extLst>
                <a:ext uri="{FF2B5EF4-FFF2-40B4-BE49-F238E27FC236}">
                  <a16:creationId xmlns:a16="http://schemas.microsoft.com/office/drawing/2014/main" id="{CBC58FA8-202D-60EB-1F2D-6D0AABD2669F}"/>
                </a:ext>
              </a:extLst>
            </p:cNvPr>
            <p:cNvSpPr>
              <a:spLocks/>
            </p:cNvSpPr>
            <p:nvPr/>
          </p:nvSpPr>
          <p:spPr bwMode="auto">
            <a:xfrm>
              <a:off x="1430337" y="1471612"/>
              <a:ext cx="150813" cy="150813"/>
            </a:xfrm>
            <a:custGeom>
              <a:avLst/>
              <a:gdLst>
                <a:gd name="T0" fmla="*/ 40 w 40"/>
                <a:gd name="T1" fmla="*/ 28 h 40"/>
                <a:gd name="T2" fmla="*/ 40 w 40"/>
                <a:gd name="T3" fmla="*/ 36 h 40"/>
                <a:gd name="T4" fmla="*/ 36 w 40"/>
                <a:gd name="T5" fmla="*/ 40 h 40"/>
                <a:gd name="T6" fmla="*/ 4 w 40"/>
                <a:gd name="T7" fmla="*/ 40 h 40"/>
                <a:gd name="T8" fmla="*/ 0 w 40"/>
                <a:gd name="T9" fmla="*/ 36 h 40"/>
                <a:gd name="T10" fmla="*/ 0 w 40"/>
                <a:gd name="T11" fmla="*/ 4 h 40"/>
                <a:gd name="T12" fmla="*/ 4 w 40"/>
                <a:gd name="T13" fmla="*/ 0 h 40"/>
                <a:gd name="T14" fmla="*/ 28 w 40"/>
                <a:gd name="T15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40" h="40">
                  <a:moveTo>
                    <a:pt x="40" y="28"/>
                  </a:moveTo>
                  <a:cubicBezTo>
                    <a:pt x="40" y="36"/>
                    <a:pt x="40" y="36"/>
                    <a:pt x="40" y="36"/>
                  </a:cubicBezTo>
                  <a:cubicBezTo>
                    <a:pt x="40" y="38"/>
                    <a:pt x="38" y="40"/>
                    <a:pt x="36" y="40"/>
                  </a:cubicBezTo>
                  <a:cubicBezTo>
                    <a:pt x="4" y="40"/>
                    <a:pt x="4" y="40"/>
                    <a:pt x="4" y="40"/>
                  </a:cubicBezTo>
                  <a:cubicBezTo>
                    <a:pt x="2" y="40"/>
                    <a:pt x="0" y="38"/>
                    <a:pt x="0" y="3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2" y="0"/>
                    <a:pt x="4" y="0"/>
                  </a:cubicBezTo>
                  <a:cubicBezTo>
                    <a:pt x="28" y="0"/>
                    <a:pt x="28" y="0"/>
                    <a:pt x="28" y="0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51" name="Freeform 247">
              <a:extLst>
                <a:ext uri="{FF2B5EF4-FFF2-40B4-BE49-F238E27FC236}">
                  <a16:creationId xmlns:a16="http://schemas.microsoft.com/office/drawing/2014/main" id="{C70A36B7-1706-445E-22B2-E87F36BD40C1}"/>
                </a:ext>
              </a:extLst>
            </p:cNvPr>
            <p:cNvSpPr>
              <a:spLocks/>
            </p:cNvSpPr>
            <p:nvPr/>
          </p:nvSpPr>
          <p:spPr bwMode="auto">
            <a:xfrm>
              <a:off x="1490662" y="1471612"/>
              <a:ext cx="120650" cy="90488"/>
            </a:xfrm>
            <a:custGeom>
              <a:avLst/>
              <a:gdLst>
                <a:gd name="T0" fmla="*/ 76 w 76"/>
                <a:gd name="T1" fmla="*/ 0 h 57"/>
                <a:gd name="T2" fmla="*/ 57 w 76"/>
                <a:gd name="T3" fmla="*/ 19 h 57"/>
                <a:gd name="T4" fmla="*/ 19 w 76"/>
                <a:gd name="T5" fmla="*/ 57 h 57"/>
                <a:gd name="T6" fmla="*/ 0 w 76"/>
                <a:gd name="T7" fmla="*/ 38 h 5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6" h="57">
                  <a:moveTo>
                    <a:pt x="76" y="0"/>
                  </a:moveTo>
                  <a:lnTo>
                    <a:pt x="57" y="19"/>
                  </a:lnTo>
                  <a:lnTo>
                    <a:pt x="19" y="57"/>
                  </a:lnTo>
                  <a:lnTo>
                    <a:pt x="0" y="38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grpSp>
        <p:nvGrpSpPr>
          <p:cNvPr id="53" name="Group 52">
            <a:extLst>
              <a:ext uri="{FF2B5EF4-FFF2-40B4-BE49-F238E27FC236}">
                <a16:creationId xmlns:a16="http://schemas.microsoft.com/office/drawing/2014/main" id="{FB21C669-65CC-BD75-9E95-D235B5528077}"/>
              </a:ext>
            </a:extLst>
          </p:cNvPr>
          <p:cNvGrpSpPr/>
          <p:nvPr/>
        </p:nvGrpSpPr>
        <p:grpSpPr>
          <a:xfrm>
            <a:off x="3237536" y="1942157"/>
            <a:ext cx="1094361" cy="1016856"/>
            <a:chOff x="882152" y="865780"/>
            <a:chExt cx="1094361" cy="1016856"/>
          </a:xfrm>
        </p:grpSpPr>
        <p:sp>
          <p:nvSpPr>
            <p:cNvPr id="54" name="Freeform 171">
              <a:extLst>
                <a:ext uri="{FF2B5EF4-FFF2-40B4-BE49-F238E27FC236}">
                  <a16:creationId xmlns:a16="http://schemas.microsoft.com/office/drawing/2014/main" id="{72CE7186-7A9E-8035-8D9E-F0EDE20863DA}"/>
                </a:ext>
              </a:extLst>
            </p:cNvPr>
            <p:cNvSpPr>
              <a:spLocks/>
            </p:cNvSpPr>
            <p:nvPr/>
          </p:nvSpPr>
          <p:spPr bwMode="auto">
            <a:xfrm>
              <a:off x="1353378" y="1020789"/>
              <a:ext cx="455726" cy="455726"/>
            </a:xfrm>
            <a:custGeom>
              <a:avLst/>
              <a:gdLst>
                <a:gd name="T0" fmla="*/ 62 w 62"/>
                <a:gd name="T1" fmla="*/ 36 h 62"/>
                <a:gd name="T2" fmla="*/ 62 w 62"/>
                <a:gd name="T3" fmla="*/ 26 h 62"/>
                <a:gd name="T4" fmla="*/ 56 w 62"/>
                <a:gd name="T5" fmla="*/ 25 h 62"/>
                <a:gd name="T6" fmla="*/ 53 w 62"/>
                <a:gd name="T7" fmla="*/ 17 h 62"/>
                <a:gd name="T8" fmla="*/ 57 w 62"/>
                <a:gd name="T9" fmla="*/ 12 h 62"/>
                <a:gd name="T10" fmla="*/ 50 w 62"/>
                <a:gd name="T11" fmla="*/ 5 h 62"/>
                <a:gd name="T12" fmla="*/ 45 w 62"/>
                <a:gd name="T13" fmla="*/ 9 h 62"/>
                <a:gd name="T14" fmla="*/ 37 w 62"/>
                <a:gd name="T15" fmla="*/ 6 h 62"/>
                <a:gd name="T16" fmla="*/ 36 w 62"/>
                <a:gd name="T17" fmla="*/ 0 h 62"/>
                <a:gd name="T18" fmla="*/ 26 w 62"/>
                <a:gd name="T19" fmla="*/ 0 h 62"/>
                <a:gd name="T20" fmla="*/ 25 w 62"/>
                <a:gd name="T21" fmla="*/ 6 h 62"/>
                <a:gd name="T22" fmla="*/ 18 w 62"/>
                <a:gd name="T23" fmla="*/ 9 h 62"/>
                <a:gd name="T24" fmla="*/ 12 w 62"/>
                <a:gd name="T25" fmla="*/ 5 h 62"/>
                <a:gd name="T26" fmla="*/ 6 w 62"/>
                <a:gd name="T27" fmla="*/ 12 h 62"/>
                <a:gd name="T28" fmla="*/ 10 w 62"/>
                <a:gd name="T29" fmla="*/ 17 h 62"/>
                <a:gd name="T30" fmla="*/ 6 w 62"/>
                <a:gd name="T31" fmla="*/ 25 h 62"/>
                <a:gd name="T32" fmla="*/ 0 w 62"/>
                <a:gd name="T33" fmla="*/ 26 h 62"/>
                <a:gd name="T34" fmla="*/ 0 w 62"/>
                <a:gd name="T35" fmla="*/ 36 h 62"/>
                <a:gd name="T36" fmla="*/ 6 w 62"/>
                <a:gd name="T37" fmla="*/ 37 h 62"/>
                <a:gd name="T38" fmla="*/ 10 w 62"/>
                <a:gd name="T39" fmla="*/ 44 h 62"/>
                <a:gd name="T40" fmla="*/ 6 w 62"/>
                <a:gd name="T41" fmla="*/ 50 h 62"/>
                <a:gd name="T42" fmla="*/ 12 w 62"/>
                <a:gd name="T43" fmla="*/ 56 h 62"/>
                <a:gd name="T44" fmla="*/ 18 w 62"/>
                <a:gd name="T45" fmla="*/ 52 h 62"/>
                <a:gd name="T46" fmla="*/ 25 w 62"/>
                <a:gd name="T47" fmla="*/ 56 h 62"/>
                <a:gd name="T48" fmla="*/ 26 w 62"/>
                <a:gd name="T49" fmla="*/ 62 h 62"/>
                <a:gd name="T50" fmla="*/ 36 w 62"/>
                <a:gd name="T51" fmla="*/ 62 h 62"/>
                <a:gd name="T52" fmla="*/ 37 w 62"/>
                <a:gd name="T53" fmla="*/ 56 h 62"/>
                <a:gd name="T54" fmla="*/ 45 w 62"/>
                <a:gd name="T55" fmla="*/ 52 h 62"/>
                <a:gd name="T56" fmla="*/ 50 w 62"/>
                <a:gd name="T57" fmla="*/ 56 h 62"/>
                <a:gd name="T58" fmla="*/ 57 w 62"/>
                <a:gd name="T59" fmla="*/ 50 h 62"/>
                <a:gd name="T60" fmla="*/ 53 w 62"/>
                <a:gd name="T61" fmla="*/ 44 h 62"/>
                <a:gd name="T62" fmla="*/ 56 w 62"/>
                <a:gd name="T63" fmla="*/ 37 h 62"/>
                <a:gd name="T64" fmla="*/ 62 w 62"/>
                <a:gd name="T65" fmla="*/ 36 h 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62" h="62">
                  <a:moveTo>
                    <a:pt x="62" y="36"/>
                  </a:moveTo>
                  <a:cubicBezTo>
                    <a:pt x="62" y="26"/>
                    <a:pt x="62" y="26"/>
                    <a:pt x="62" y="26"/>
                  </a:cubicBezTo>
                  <a:cubicBezTo>
                    <a:pt x="56" y="25"/>
                    <a:pt x="56" y="25"/>
                    <a:pt x="56" y="25"/>
                  </a:cubicBezTo>
                  <a:cubicBezTo>
                    <a:pt x="55" y="22"/>
                    <a:pt x="54" y="20"/>
                    <a:pt x="53" y="17"/>
                  </a:cubicBezTo>
                  <a:cubicBezTo>
                    <a:pt x="57" y="12"/>
                    <a:pt x="57" y="12"/>
                    <a:pt x="57" y="12"/>
                  </a:cubicBezTo>
                  <a:cubicBezTo>
                    <a:pt x="50" y="5"/>
                    <a:pt x="50" y="5"/>
                    <a:pt x="50" y="5"/>
                  </a:cubicBezTo>
                  <a:cubicBezTo>
                    <a:pt x="45" y="9"/>
                    <a:pt x="45" y="9"/>
                    <a:pt x="45" y="9"/>
                  </a:cubicBezTo>
                  <a:cubicBezTo>
                    <a:pt x="42" y="8"/>
                    <a:pt x="40" y="7"/>
                    <a:pt x="37" y="6"/>
                  </a:cubicBezTo>
                  <a:cubicBezTo>
                    <a:pt x="36" y="0"/>
                    <a:pt x="36" y="0"/>
                    <a:pt x="36" y="0"/>
                  </a:cubicBezTo>
                  <a:cubicBezTo>
                    <a:pt x="26" y="0"/>
                    <a:pt x="26" y="0"/>
                    <a:pt x="26" y="0"/>
                  </a:cubicBezTo>
                  <a:cubicBezTo>
                    <a:pt x="25" y="6"/>
                    <a:pt x="25" y="6"/>
                    <a:pt x="25" y="6"/>
                  </a:cubicBezTo>
                  <a:cubicBezTo>
                    <a:pt x="23" y="7"/>
                    <a:pt x="20" y="8"/>
                    <a:pt x="18" y="9"/>
                  </a:cubicBezTo>
                  <a:cubicBezTo>
                    <a:pt x="12" y="5"/>
                    <a:pt x="12" y="5"/>
                    <a:pt x="12" y="5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10" y="17"/>
                    <a:pt x="10" y="17"/>
                    <a:pt x="10" y="17"/>
                  </a:cubicBezTo>
                  <a:cubicBezTo>
                    <a:pt x="8" y="20"/>
                    <a:pt x="7" y="22"/>
                    <a:pt x="6" y="25"/>
                  </a:cubicBezTo>
                  <a:cubicBezTo>
                    <a:pt x="0" y="26"/>
                    <a:pt x="0" y="26"/>
                    <a:pt x="0" y="26"/>
                  </a:cubicBezTo>
                  <a:cubicBezTo>
                    <a:pt x="0" y="36"/>
                    <a:pt x="0" y="36"/>
                    <a:pt x="0" y="36"/>
                  </a:cubicBezTo>
                  <a:cubicBezTo>
                    <a:pt x="6" y="37"/>
                    <a:pt x="6" y="37"/>
                    <a:pt x="6" y="37"/>
                  </a:cubicBezTo>
                  <a:cubicBezTo>
                    <a:pt x="7" y="39"/>
                    <a:pt x="8" y="42"/>
                    <a:pt x="10" y="44"/>
                  </a:cubicBezTo>
                  <a:cubicBezTo>
                    <a:pt x="6" y="50"/>
                    <a:pt x="6" y="50"/>
                    <a:pt x="6" y="50"/>
                  </a:cubicBezTo>
                  <a:cubicBezTo>
                    <a:pt x="12" y="56"/>
                    <a:pt x="12" y="56"/>
                    <a:pt x="12" y="56"/>
                  </a:cubicBezTo>
                  <a:cubicBezTo>
                    <a:pt x="18" y="52"/>
                    <a:pt x="18" y="52"/>
                    <a:pt x="18" y="52"/>
                  </a:cubicBezTo>
                  <a:cubicBezTo>
                    <a:pt x="20" y="54"/>
                    <a:pt x="23" y="55"/>
                    <a:pt x="25" y="56"/>
                  </a:cubicBezTo>
                  <a:cubicBezTo>
                    <a:pt x="26" y="62"/>
                    <a:pt x="26" y="62"/>
                    <a:pt x="26" y="62"/>
                  </a:cubicBezTo>
                  <a:cubicBezTo>
                    <a:pt x="36" y="62"/>
                    <a:pt x="36" y="62"/>
                    <a:pt x="36" y="62"/>
                  </a:cubicBezTo>
                  <a:cubicBezTo>
                    <a:pt x="37" y="56"/>
                    <a:pt x="37" y="56"/>
                    <a:pt x="37" y="56"/>
                  </a:cubicBezTo>
                  <a:cubicBezTo>
                    <a:pt x="40" y="55"/>
                    <a:pt x="42" y="54"/>
                    <a:pt x="45" y="52"/>
                  </a:cubicBezTo>
                  <a:cubicBezTo>
                    <a:pt x="50" y="56"/>
                    <a:pt x="50" y="56"/>
                    <a:pt x="50" y="56"/>
                  </a:cubicBezTo>
                  <a:cubicBezTo>
                    <a:pt x="57" y="50"/>
                    <a:pt x="57" y="50"/>
                    <a:pt x="57" y="50"/>
                  </a:cubicBezTo>
                  <a:cubicBezTo>
                    <a:pt x="53" y="44"/>
                    <a:pt x="53" y="44"/>
                    <a:pt x="53" y="44"/>
                  </a:cubicBezTo>
                  <a:cubicBezTo>
                    <a:pt x="54" y="42"/>
                    <a:pt x="55" y="39"/>
                    <a:pt x="56" y="37"/>
                  </a:cubicBezTo>
                  <a:lnTo>
                    <a:pt x="62" y="36"/>
                  </a:ln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5" name="Oval 172">
              <a:extLst>
                <a:ext uri="{FF2B5EF4-FFF2-40B4-BE49-F238E27FC236}">
                  <a16:creationId xmlns:a16="http://schemas.microsoft.com/office/drawing/2014/main" id="{E96E48B7-30D0-4BFF-7C79-1A0C88C98C6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492887" y="1160296"/>
              <a:ext cx="176711" cy="176711"/>
            </a:xfrm>
            <a:prstGeom prst="ellipse">
              <a:avLst/>
            </a:pr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6" name="Freeform 173">
              <a:extLst>
                <a:ext uri="{FF2B5EF4-FFF2-40B4-BE49-F238E27FC236}">
                  <a16:creationId xmlns:a16="http://schemas.microsoft.com/office/drawing/2014/main" id="{1A1D600D-2F9D-B69E-BE1B-8275A64B6EAA}"/>
                </a:ext>
              </a:extLst>
            </p:cNvPr>
            <p:cNvSpPr>
              <a:spLocks/>
            </p:cNvSpPr>
            <p:nvPr/>
          </p:nvSpPr>
          <p:spPr bwMode="auto">
            <a:xfrm>
              <a:off x="1226272" y="865780"/>
              <a:ext cx="750241" cy="1016856"/>
            </a:xfrm>
            <a:custGeom>
              <a:avLst/>
              <a:gdLst>
                <a:gd name="T0" fmla="*/ 84 w 102"/>
                <a:gd name="T1" fmla="*/ 138 h 138"/>
                <a:gd name="T2" fmla="*/ 84 w 102"/>
                <a:gd name="T3" fmla="*/ 110 h 138"/>
                <a:gd name="T4" fmla="*/ 96 w 102"/>
                <a:gd name="T5" fmla="*/ 107 h 138"/>
                <a:gd name="T6" fmla="*/ 96 w 102"/>
                <a:gd name="T7" fmla="*/ 84 h 138"/>
                <a:gd name="T8" fmla="*/ 102 w 102"/>
                <a:gd name="T9" fmla="*/ 84 h 138"/>
                <a:gd name="T10" fmla="*/ 102 w 102"/>
                <a:gd name="T11" fmla="*/ 78 h 138"/>
                <a:gd name="T12" fmla="*/ 93 w 102"/>
                <a:gd name="T13" fmla="*/ 62 h 138"/>
                <a:gd name="T14" fmla="*/ 93 w 102"/>
                <a:gd name="T15" fmla="*/ 56 h 138"/>
                <a:gd name="T16" fmla="*/ 99 w 102"/>
                <a:gd name="T17" fmla="*/ 53 h 138"/>
                <a:gd name="T18" fmla="*/ 42 w 102"/>
                <a:gd name="T19" fmla="*/ 4 h 138"/>
                <a:gd name="T20" fmla="*/ 12 w 102"/>
                <a:gd name="T21" fmla="*/ 22 h 138"/>
                <a:gd name="T22" fmla="*/ 1 w 102"/>
                <a:gd name="T23" fmla="*/ 57 h 138"/>
                <a:gd name="T24" fmla="*/ 4 w 102"/>
                <a:gd name="T25" fmla="*/ 72 h 138"/>
                <a:gd name="T26" fmla="*/ 17 w 102"/>
                <a:gd name="T27" fmla="*/ 107 h 138"/>
                <a:gd name="T28" fmla="*/ 17 w 102"/>
                <a:gd name="T29" fmla="*/ 138 h 1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102" h="138">
                  <a:moveTo>
                    <a:pt x="84" y="138"/>
                  </a:moveTo>
                  <a:cubicBezTo>
                    <a:pt x="84" y="110"/>
                    <a:pt x="84" y="110"/>
                    <a:pt x="84" y="110"/>
                  </a:cubicBezTo>
                  <a:cubicBezTo>
                    <a:pt x="96" y="107"/>
                    <a:pt x="96" y="107"/>
                    <a:pt x="96" y="107"/>
                  </a:cubicBezTo>
                  <a:cubicBezTo>
                    <a:pt x="96" y="84"/>
                    <a:pt x="96" y="84"/>
                    <a:pt x="96" y="84"/>
                  </a:cubicBezTo>
                  <a:cubicBezTo>
                    <a:pt x="102" y="84"/>
                    <a:pt x="102" y="84"/>
                    <a:pt x="102" y="84"/>
                  </a:cubicBezTo>
                  <a:cubicBezTo>
                    <a:pt x="102" y="78"/>
                    <a:pt x="102" y="78"/>
                    <a:pt x="102" y="78"/>
                  </a:cubicBezTo>
                  <a:cubicBezTo>
                    <a:pt x="93" y="62"/>
                    <a:pt x="93" y="62"/>
                    <a:pt x="93" y="62"/>
                  </a:cubicBezTo>
                  <a:cubicBezTo>
                    <a:pt x="93" y="56"/>
                    <a:pt x="93" y="56"/>
                    <a:pt x="93" y="56"/>
                  </a:cubicBezTo>
                  <a:cubicBezTo>
                    <a:pt x="99" y="53"/>
                    <a:pt x="99" y="53"/>
                    <a:pt x="99" y="53"/>
                  </a:cubicBezTo>
                  <a:cubicBezTo>
                    <a:pt x="99" y="24"/>
                    <a:pt x="73" y="0"/>
                    <a:pt x="42" y="4"/>
                  </a:cubicBezTo>
                  <a:cubicBezTo>
                    <a:pt x="30" y="6"/>
                    <a:pt x="19" y="13"/>
                    <a:pt x="12" y="22"/>
                  </a:cubicBezTo>
                  <a:cubicBezTo>
                    <a:pt x="4" y="32"/>
                    <a:pt x="0" y="44"/>
                    <a:pt x="1" y="57"/>
                  </a:cubicBezTo>
                  <a:cubicBezTo>
                    <a:pt x="1" y="62"/>
                    <a:pt x="3" y="67"/>
                    <a:pt x="4" y="72"/>
                  </a:cubicBezTo>
                  <a:cubicBezTo>
                    <a:pt x="17" y="107"/>
                    <a:pt x="17" y="107"/>
                    <a:pt x="17" y="107"/>
                  </a:cubicBezTo>
                  <a:cubicBezTo>
                    <a:pt x="17" y="138"/>
                    <a:pt x="17" y="138"/>
                    <a:pt x="17" y="138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7" name="Freeform 174">
              <a:extLst>
                <a:ext uri="{FF2B5EF4-FFF2-40B4-BE49-F238E27FC236}">
                  <a16:creationId xmlns:a16="http://schemas.microsoft.com/office/drawing/2014/main" id="{DA8970B7-9BB8-6702-EEA9-8779BFEB3D3A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957" y="1123094"/>
              <a:ext cx="198411" cy="133308"/>
            </a:xfrm>
            <a:custGeom>
              <a:avLst/>
              <a:gdLst>
                <a:gd name="T0" fmla="*/ 0 w 64"/>
                <a:gd name="T1" fmla="*/ 0 h 43"/>
                <a:gd name="T2" fmla="*/ 0 w 64"/>
                <a:gd name="T3" fmla="*/ 43 h 43"/>
                <a:gd name="T4" fmla="*/ 64 w 64"/>
                <a:gd name="T5" fmla="*/ 43 h 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4" h="43">
                  <a:moveTo>
                    <a:pt x="0" y="0"/>
                  </a:moveTo>
                  <a:lnTo>
                    <a:pt x="0" y="43"/>
                  </a:lnTo>
                  <a:lnTo>
                    <a:pt x="64" y="43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8" name="Freeform 175">
              <a:extLst>
                <a:ext uri="{FF2B5EF4-FFF2-40B4-BE49-F238E27FC236}">
                  <a16:creationId xmlns:a16="http://schemas.microsoft.com/office/drawing/2014/main" id="{78DD4C44-29A4-DBA3-AFE4-8B0A1A380365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555" y="1603621"/>
              <a:ext cx="322418" cy="124007"/>
            </a:xfrm>
            <a:custGeom>
              <a:avLst/>
              <a:gdLst>
                <a:gd name="T0" fmla="*/ 104 w 104"/>
                <a:gd name="T1" fmla="*/ 0 h 40"/>
                <a:gd name="T2" fmla="*/ 0 w 104"/>
                <a:gd name="T3" fmla="*/ 0 h 40"/>
                <a:gd name="T4" fmla="*/ 0 w 104"/>
                <a:gd name="T5" fmla="*/ 4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04" h="40">
                  <a:moveTo>
                    <a:pt x="104" y="0"/>
                  </a:moveTo>
                  <a:lnTo>
                    <a:pt x="0" y="0"/>
                  </a:lnTo>
                  <a:lnTo>
                    <a:pt x="0" y="40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9" name="Freeform 176">
              <a:extLst>
                <a:ext uri="{FF2B5EF4-FFF2-40B4-BE49-F238E27FC236}">
                  <a16:creationId xmlns:a16="http://schemas.microsoft.com/office/drawing/2014/main" id="{4A7DB665-CC1F-4166-7A3F-89D8070859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82152" y="1727628"/>
              <a:ext cx="403022" cy="133308"/>
            </a:xfrm>
            <a:custGeom>
              <a:avLst/>
              <a:gdLst>
                <a:gd name="T0" fmla="*/ 130 w 130"/>
                <a:gd name="T1" fmla="*/ 0 h 43"/>
                <a:gd name="T2" fmla="*/ 0 w 130"/>
                <a:gd name="T3" fmla="*/ 0 h 43"/>
                <a:gd name="T4" fmla="*/ 0 w 130"/>
                <a:gd name="T5" fmla="*/ 43 h 43"/>
                <a:gd name="T6" fmla="*/ 130 w 130"/>
                <a:gd name="T7" fmla="*/ 43 h 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30" h="43">
                  <a:moveTo>
                    <a:pt x="130" y="0"/>
                  </a:moveTo>
                  <a:lnTo>
                    <a:pt x="0" y="0"/>
                  </a:lnTo>
                  <a:lnTo>
                    <a:pt x="0" y="43"/>
                  </a:lnTo>
                  <a:lnTo>
                    <a:pt x="130" y="43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60" name="Freeform 177">
              <a:extLst>
                <a:ext uri="{FF2B5EF4-FFF2-40B4-BE49-F238E27FC236}">
                  <a16:creationId xmlns:a16="http://schemas.microsoft.com/office/drawing/2014/main" id="{E3C1EA7F-8ADE-2A04-7292-F4CD6B6E7334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957" y="1256402"/>
              <a:ext cx="52704" cy="347219"/>
            </a:xfrm>
            <a:custGeom>
              <a:avLst/>
              <a:gdLst>
                <a:gd name="T0" fmla="*/ 0 w 7"/>
                <a:gd name="T1" fmla="*/ 47 h 47"/>
                <a:gd name="T2" fmla="*/ 7 w 7"/>
                <a:gd name="T3" fmla="*/ 13 h 47"/>
                <a:gd name="T4" fmla="*/ 7 w 7"/>
                <a:gd name="T5" fmla="*/ 0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7" h="47">
                  <a:moveTo>
                    <a:pt x="0" y="47"/>
                  </a:moveTo>
                  <a:cubicBezTo>
                    <a:pt x="0" y="47"/>
                    <a:pt x="7" y="29"/>
                    <a:pt x="7" y="13"/>
                  </a:cubicBezTo>
                  <a:cubicBezTo>
                    <a:pt x="7" y="0"/>
                    <a:pt x="7" y="0"/>
                    <a:pt x="7" y="0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61" name="Freeform 178">
              <a:extLst>
                <a:ext uri="{FF2B5EF4-FFF2-40B4-BE49-F238E27FC236}">
                  <a16:creationId xmlns:a16="http://schemas.microsoft.com/office/drawing/2014/main" id="{02ACBD24-9621-A174-C17B-2A0FD5CDC9A4}"/>
                </a:ext>
              </a:extLst>
            </p:cNvPr>
            <p:cNvSpPr>
              <a:spLocks/>
            </p:cNvSpPr>
            <p:nvPr/>
          </p:nvSpPr>
          <p:spPr bwMode="auto">
            <a:xfrm>
              <a:off x="882152" y="887481"/>
              <a:ext cx="306918" cy="235613"/>
            </a:xfrm>
            <a:custGeom>
              <a:avLst/>
              <a:gdLst>
                <a:gd name="T0" fmla="*/ 85 w 99"/>
                <a:gd name="T1" fmla="*/ 31 h 76"/>
                <a:gd name="T2" fmla="*/ 42 w 99"/>
                <a:gd name="T3" fmla="*/ 31 h 76"/>
                <a:gd name="T4" fmla="*/ 42 w 99"/>
                <a:gd name="T5" fmla="*/ 0 h 76"/>
                <a:gd name="T6" fmla="*/ 0 w 99"/>
                <a:gd name="T7" fmla="*/ 0 h 76"/>
                <a:gd name="T8" fmla="*/ 0 w 99"/>
                <a:gd name="T9" fmla="*/ 45 h 76"/>
                <a:gd name="T10" fmla="*/ 16 w 99"/>
                <a:gd name="T11" fmla="*/ 76 h 76"/>
                <a:gd name="T12" fmla="*/ 99 w 99"/>
                <a:gd name="T13" fmla="*/ 76 h 7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99" h="76">
                  <a:moveTo>
                    <a:pt x="85" y="31"/>
                  </a:moveTo>
                  <a:lnTo>
                    <a:pt x="42" y="31"/>
                  </a:lnTo>
                  <a:lnTo>
                    <a:pt x="42" y="0"/>
                  </a:lnTo>
                  <a:lnTo>
                    <a:pt x="0" y="0"/>
                  </a:lnTo>
                  <a:lnTo>
                    <a:pt x="0" y="45"/>
                  </a:lnTo>
                  <a:lnTo>
                    <a:pt x="16" y="76"/>
                  </a:lnTo>
                  <a:lnTo>
                    <a:pt x="99" y="76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62" name="Freeform 179">
              <a:extLst>
                <a:ext uri="{FF2B5EF4-FFF2-40B4-BE49-F238E27FC236}">
                  <a16:creationId xmlns:a16="http://schemas.microsoft.com/office/drawing/2014/main" id="{6EA20BD2-AC6F-A0A8-CCA8-2B7CA759ED8D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0166" y="887481"/>
              <a:ext cx="235613" cy="96106"/>
            </a:xfrm>
            <a:custGeom>
              <a:avLst/>
              <a:gdLst>
                <a:gd name="T0" fmla="*/ 76 w 76"/>
                <a:gd name="T1" fmla="*/ 0 h 31"/>
                <a:gd name="T2" fmla="*/ 38 w 76"/>
                <a:gd name="T3" fmla="*/ 0 h 31"/>
                <a:gd name="T4" fmla="*/ 38 w 76"/>
                <a:gd name="T5" fmla="*/ 31 h 31"/>
                <a:gd name="T6" fmla="*/ 0 w 76"/>
                <a:gd name="T7" fmla="*/ 31 h 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6" h="31">
                  <a:moveTo>
                    <a:pt x="76" y="0"/>
                  </a:moveTo>
                  <a:lnTo>
                    <a:pt x="38" y="0"/>
                  </a:lnTo>
                  <a:lnTo>
                    <a:pt x="38" y="31"/>
                  </a:lnTo>
                  <a:lnTo>
                    <a:pt x="0" y="31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</p:grpSp>
      <p:grpSp>
        <p:nvGrpSpPr>
          <p:cNvPr id="63" name="Group 62">
            <a:extLst>
              <a:ext uri="{FF2B5EF4-FFF2-40B4-BE49-F238E27FC236}">
                <a16:creationId xmlns:a16="http://schemas.microsoft.com/office/drawing/2014/main" id="{DEE5FE5F-32F7-DBBD-2760-36A926F31940}"/>
              </a:ext>
            </a:extLst>
          </p:cNvPr>
          <p:cNvGrpSpPr>
            <a:grpSpLocks noChangeAspect="1"/>
          </p:cNvGrpSpPr>
          <p:nvPr/>
        </p:nvGrpSpPr>
        <p:grpSpPr>
          <a:xfrm>
            <a:off x="908468" y="1886478"/>
            <a:ext cx="1173480" cy="1043093"/>
            <a:chOff x="1030288" y="1065213"/>
            <a:chExt cx="685801" cy="609601"/>
          </a:xfrm>
        </p:grpSpPr>
        <p:sp>
          <p:nvSpPr>
            <p:cNvPr id="64" name="Freeform 5">
              <a:extLst>
                <a:ext uri="{FF2B5EF4-FFF2-40B4-BE49-F238E27FC236}">
                  <a16:creationId xmlns:a16="http://schemas.microsoft.com/office/drawing/2014/main" id="{C7799297-6DD1-CF16-E870-6DC71246D1E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76326" y="1065213"/>
              <a:ext cx="639763" cy="538163"/>
            </a:xfrm>
            <a:custGeom>
              <a:avLst/>
              <a:gdLst>
                <a:gd name="T0" fmla="*/ 60 w 199"/>
                <a:gd name="T1" fmla="*/ 79 h 167"/>
                <a:gd name="T2" fmla="*/ 42 w 199"/>
                <a:gd name="T3" fmla="*/ 96 h 167"/>
                <a:gd name="T4" fmla="*/ 42 w 199"/>
                <a:gd name="T5" fmla="*/ 101 h 167"/>
                <a:gd name="T6" fmla="*/ 60 w 199"/>
                <a:gd name="T7" fmla="*/ 119 h 167"/>
                <a:gd name="T8" fmla="*/ 79 w 199"/>
                <a:gd name="T9" fmla="*/ 101 h 167"/>
                <a:gd name="T10" fmla="*/ 79 w 199"/>
                <a:gd name="T11" fmla="*/ 96 h 167"/>
                <a:gd name="T12" fmla="*/ 60 w 199"/>
                <a:gd name="T13" fmla="*/ 79 h 167"/>
                <a:gd name="T14" fmla="*/ 97 w 199"/>
                <a:gd name="T15" fmla="*/ 158 h 167"/>
                <a:gd name="T16" fmla="*/ 97 w 199"/>
                <a:gd name="T17" fmla="*/ 151 h 167"/>
                <a:gd name="T18" fmla="*/ 60 w 199"/>
                <a:gd name="T19" fmla="*/ 132 h 167"/>
                <a:gd name="T20" fmla="*/ 23 w 199"/>
                <a:gd name="T21" fmla="*/ 151 h 167"/>
                <a:gd name="T22" fmla="*/ 23 w 199"/>
                <a:gd name="T23" fmla="*/ 158 h 167"/>
                <a:gd name="T24" fmla="*/ 60 w 199"/>
                <a:gd name="T25" fmla="*/ 70 h 167"/>
                <a:gd name="T26" fmla="*/ 60 w 199"/>
                <a:gd name="T27" fmla="*/ 13 h 167"/>
                <a:gd name="T28" fmla="*/ 74 w 199"/>
                <a:gd name="T29" fmla="*/ 0 h 167"/>
                <a:gd name="T30" fmla="*/ 185 w 199"/>
                <a:gd name="T31" fmla="*/ 0 h 167"/>
                <a:gd name="T32" fmla="*/ 199 w 199"/>
                <a:gd name="T33" fmla="*/ 13 h 167"/>
                <a:gd name="T34" fmla="*/ 199 w 199"/>
                <a:gd name="T35" fmla="*/ 83 h 167"/>
                <a:gd name="T36" fmla="*/ 185 w 199"/>
                <a:gd name="T37" fmla="*/ 97 h 167"/>
                <a:gd name="T38" fmla="*/ 148 w 199"/>
                <a:gd name="T39" fmla="*/ 97 h 167"/>
                <a:gd name="T40" fmla="*/ 114 w 199"/>
                <a:gd name="T41" fmla="*/ 129 h 167"/>
                <a:gd name="T42" fmla="*/ 106 w 199"/>
                <a:gd name="T43" fmla="*/ 126 h 167"/>
                <a:gd name="T44" fmla="*/ 106 w 199"/>
                <a:gd name="T45" fmla="*/ 97 h 167"/>
                <a:gd name="T46" fmla="*/ 88 w 199"/>
                <a:gd name="T47" fmla="*/ 97 h 167"/>
                <a:gd name="T48" fmla="*/ 185 w 199"/>
                <a:gd name="T49" fmla="*/ 105 h 167"/>
                <a:gd name="T50" fmla="*/ 185 w 199"/>
                <a:gd name="T51" fmla="*/ 167 h 167"/>
                <a:gd name="T52" fmla="*/ 0 w 199"/>
                <a:gd name="T53" fmla="*/ 167 h 167"/>
                <a:gd name="T54" fmla="*/ 0 w 199"/>
                <a:gd name="T55" fmla="*/ 61 h 167"/>
                <a:gd name="T56" fmla="*/ 9 w 199"/>
                <a:gd name="T57" fmla="*/ 52 h 167"/>
                <a:gd name="T58" fmla="*/ 51 w 199"/>
                <a:gd name="T59" fmla="*/ 52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199" h="167">
                  <a:moveTo>
                    <a:pt x="60" y="79"/>
                  </a:moveTo>
                  <a:cubicBezTo>
                    <a:pt x="50" y="79"/>
                    <a:pt x="42" y="87"/>
                    <a:pt x="42" y="96"/>
                  </a:cubicBezTo>
                  <a:cubicBezTo>
                    <a:pt x="42" y="101"/>
                    <a:pt x="42" y="101"/>
                    <a:pt x="42" y="101"/>
                  </a:cubicBezTo>
                  <a:cubicBezTo>
                    <a:pt x="42" y="111"/>
                    <a:pt x="50" y="119"/>
                    <a:pt x="60" y="119"/>
                  </a:cubicBezTo>
                  <a:cubicBezTo>
                    <a:pt x="70" y="119"/>
                    <a:pt x="79" y="111"/>
                    <a:pt x="79" y="101"/>
                  </a:cubicBezTo>
                  <a:cubicBezTo>
                    <a:pt x="79" y="96"/>
                    <a:pt x="79" y="96"/>
                    <a:pt x="79" y="96"/>
                  </a:cubicBezTo>
                  <a:cubicBezTo>
                    <a:pt x="79" y="87"/>
                    <a:pt x="70" y="79"/>
                    <a:pt x="60" y="79"/>
                  </a:cubicBezTo>
                  <a:close/>
                  <a:moveTo>
                    <a:pt x="97" y="158"/>
                  </a:moveTo>
                  <a:cubicBezTo>
                    <a:pt x="97" y="151"/>
                    <a:pt x="97" y="151"/>
                    <a:pt x="97" y="151"/>
                  </a:cubicBezTo>
                  <a:cubicBezTo>
                    <a:pt x="97" y="139"/>
                    <a:pt x="70" y="132"/>
                    <a:pt x="60" y="132"/>
                  </a:cubicBezTo>
                  <a:cubicBezTo>
                    <a:pt x="50" y="132"/>
                    <a:pt x="23" y="139"/>
                    <a:pt x="23" y="151"/>
                  </a:cubicBezTo>
                  <a:cubicBezTo>
                    <a:pt x="23" y="158"/>
                    <a:pt x="23" y="158"/>
                    <a:pt x="23" y="158"/>
                  </a:cubicBezTo>
                  <a:moveTo>
                    <a:pt x="60" y="70"/>
                  </a:moveTo>
                  <a:cubicBezTo>
                    <a:pt x="60" y="13"/>
                    <a:pt x="60" y="13"/>
                    <a:pt x="60" y="13"/>
                  </a:cubicBezTo>
                  <a:cubicBezTo>
                    <a:pt x="60" y="6"/>
                    <a:pt x="66" y="0"/>
                    <a:pt x="74" y="0"/>
                  </a:cubicBezTo>
                  <a:cubicBezTo>
                    <a:pt x="185" y="0"/>
                    <a:pt x="185" y="0"/>
                    <a:pt x="185" y="0"/>
                  </a:cubicBezTo>
                  <a:cubicBezTo>
                    <a:pt x="193" y="0"/>
                    <a:pt x="199" y="6"/>
                    <a:pt x="199" y="13"/>
                  </a:cubicBezTo>
                  <a:cubicBezTo>
                    <a:pt x="199" y="83"/>
                    <a:pt x="199" y="83"/>
                    <a:pt x="199" y="83"/>
                  </a:cubicBezTo>
                  <a:cubicBezTo>
                    <a:pt x="199" y="91"/>
                    <a:pt x="193" y="97"/>
                    <a:pt x="185" y="97"/>
                  </a:cubicBezTo>
                  <a:cubicBezTo>
                    <a:pt x="148" y="97"/>
                    <a:pt x="148" y="97"/>
                    <a:pt x="148" y="97"/>
                  </a:cubicBezTo>
                  <a:cubicBezTo>
                    <a:pt x="114" y="129"/>
                    <a:pt x="114" y="129"/>
                    <a:pt x="114" y="129"/>
                  </a:cubicBezTo>
                  <a:cubicBezTo>
                    <a:pt x="111" y="131"/>
                    <a:pt x="106" y="130"/>
                    <a:pt x="106" y="126"/>
                  </a:cubicBezTo>
                  <a:cubicBezTo>
                    <a:pt x="106" y="97"/>
                    <a:pt x="106" y="97"/>
                    <a:pt x="106" y="97"/>
                  </a:cubicBezTo>
                  <a:cubicBezTo>
                    <a:pt x="88" y="97"/>
                    <a:pt x="88" y="97"/>
                    <a:pt x="88" y="97"/>
                  </a:cubicBezTo>
                  <a:moveTo>
                    <a:pt x="185" y="105"/>
                  </a:moveTo>
                  <a:cubicBezTo>
                    <a:pt x="185" y="167"/>
                    <a:pt x="185" y="167"/>
                    <a:pt x="185" y="167"/>
                  </a:cubicBezTo>
                  <a:moveTo>
                    <a:pt x="0" y="167"/>
                  </a:moveTo>
                  <a:cubicBezTo>
                    <a:pt x="0" y="61"/>
                    <a:pt x="0" y="61"/>
                    <a:pt x="0" y="61"/>
                  </a:cubicBezTo>
                  <a:cubicBezTo>
                    <a:pt x="0" y="56"/>
                    <a:pt x="4" y="52"/>
                    <a:pt x="9" y="52"/>
                  </a:cubicBezTo>
                  <a:cubicBezTo>
                    <a:pt x="51" y="52"/>
                    <a:pt x="51" y="52"/>
                    <a:pt x="51" y="52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6"/>
                </a:solidFill>
              </a:endParaRPr>
            </a:p>
          </p:txBody>
        </p:sp>
        <p:sp>
          <p:nvSpPr>
            <p:cNvPr id="65" name="Freeform 6">
              <a:extLst>
                <a:ext uri="{FF2B5EF4-FFF2-40B4-BE49-F238E27FC236}">
                  <a16:creationId xmlns:a16="http://schemas.microsoft.com/office/drawing/2014/main" id="{3B7DE72A-D274-4E53-B05C-0A8BABDA180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393826" y="1136651"/>
              <a:ext cx="180975" cy="157163"/>
            </a:xfrm>
            <a:custGeom>
              <a:avLst/>
              <a:gdLst>
                <a:gd name="T0" fmla="*/ 56 w 56"/>
                <a:gd name="T1" fmla="*/ 31 h 49"/>
                <a:gd name="T2" fmla="*/ 28 w 56"/>
                <a:gd name="T3" fmla="*/ 49 h 49"/>
                <a:gd name="T4" fmla="*/ 0 w 56"/>
                <a:gd name="T5" fmla="*/ 31 h 49"/>
                <a:gd name="T6" fmla="*/ 40 w 56"/>
                <a:gd name="T7" fmla="*/ 0 h 49"/>
                <a:gd name="T8" fmla="*/ 40 w 56"/>
                <a:gd name="T9" fmla="*/ 22 h 49"/>
                <a:gd name="T10" fmla="*/ 16 w 56"/>
                <a:gd name="T11" fmla="*/ 0 h 49"/>
                <a:gd name="T12" fmla="*/ 16 w 56"/>
                <a:gd name="T13" fmla="*/ 22 h 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56" h="49">
                  <a:moveTo>
                    <a:pt x="56" y="31"/>
                  </a:moveTo>
                  <a:cubicBezTo>
                    <a:pt x="51" y="41"/>
                    <a:pt x="41" y="49"/>
                    <a:pt x="28" y="49"/>
                  </a:cubicBezTo>
                  <a:cubicBezTo>
                    <a:pt x="15" y="49"/>
                    <a:pt x="4" y="41"/>
                    <a:pt x="0" y="31"/>
                  </a:cubicBezTo>
                  <a:moveTo>
                    <a:pt x="40" y="0"/>
                  </a:moveTo>
                  <a:cubicBezTo>
                    <a:pt x="40" y="22"/>
                    <a:pt x="40" y="22"/>
                    <a:pt x="40" y="22"/>
                  </a:cubicBezTo>
                  <a:moveTo>
                    <a:pt x="16" y="0"/>
                  </a:moveTo>
                  <a:cubicBezTo>
                    <a:pt x="16" y="22"/>
                    <a:pt x="16" y="22"/>
                    <a:pt x="16" y="22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6"/>
                </a:solidFill>
              </a:endParaRPr>
            </a:p>
          </p:txBody>
        </p:sp>
        <p:sp>
          <p:nvSpPr>
            <p:cNvPr id="66" name="Freeform 7">
              <a:extLst>
                <a:ext uri="{FF2B5EF4-FFF2-40B4-BE49-F238E27FC236}">
                  <a16:creationId xmlns:a16="http://schemas.microsoft.com/office/drawing/2014/main" id="{5A0019FE-7869-7EE7-6DDF-98C410A2264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30288" y="1603376"/>
              <a:ext cx="685800" cy="71438"/>
            </a:xfrm>
            <a:custGeom>
              <a:avLst/>
              <a:gdLst>
                <a:gd name="T0" fmla="*/ 213 w 213"/>
                <a:gd name="T1" fmla="*/ 0 h 22"/>
                <a:gd name="T2" fmla="*/ 130 w 213"/>
                <a:gd name="T3" fmla="*/ 0 h 22"/>
                <a:gd name="T4" fmla="*/ 120 w 213"/>
                <a:gd name="T5" fmla="*/ 9 h 22"/>
                <a:gd name="T6" fmla="*/ 97 w 213"/>
                <a:gd name="T7" fmla="*/ 9 h 22"/>
                <a:gd name="T8" fmla="*/ 88 w 213"/>
                <a:gd name="T9" fmla="*/ 0 h 22"/>
                <a:gd name="T10" fmla="*/ 0 w 213"/>
                <a:gd name="T11" fmla="*/ 0 h 22"/>
                <a:gd name="T12" fmla="*/ 0 w 213"/>
                <a:gd name="T13" fmla="*/ 4 h 22"/>
                <a:gd name="T14" fmla="*/ 19 w 213"/>
                <a:gd name="T15" fmla="*/ 22 h 22"/>
                <a:gd name="T16" fmla="*/ 194 w 213"/>
                <a:gd name="T17" fmla="*/ 22 h 22"/>
                <a:gd name="T18" fmla="*/ 213 w 213"/>
                <a:gd name="T19" fmla="*/ 4 h 22"/>
                <a:gd name="T20" fmla="*/ 213 w 213"/>
                <a:gd name="T21" fmla="*/ 0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13" h="22">
                  <a:moveTo>
                    <a:pt x="213" y="0"/>
                  </a:moveTo>
                  <a:cubicBezTo>
                    <a:pt x="130" y="0"/>
                    <a:pt x="130" y="0"/>
                    <a:pt x="130" y="0"/>
                  </a:cubicBezTo>
                  <a:cubicBezTo>
                    <a:pt x="120" y="9"/>
                    <a:pt x="120" y="9"/>
                    <a:pt x="120" y="9"/>
                  </a:cubicBezTo>
                  <a:cubicBezTo>
                    <a:pt x="97" y="9"/>
                    <a:pt x="97" y="9"/>
                    <a:pt x="97" y="9"/>
                  </a:cubicBezTo>
                  <a:cubicBezTo>
                    <a:pt x="88" y="0"/>
                    <a:pt x="88" y="0"/>
                    <a:pt x="88" y="0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4"/>
                    <a:pt x="8" y="22"/>
                    <a:pt x="19" y="22"/>
                  </a:cubicBezTo>
                  <a:cubicBezTo>
                    <a:pt x="194" y="22"/>
                    <a:pt x="194" y="22"/>
                    <a:pt x="194" y="22"/>
                  </a:cubicBezTo>
                  <a:cubicBezTo>
                    <a:pt x="205" y="22"/>
                    <a:pt x="213" y="14"/>
                    <a:pt x="213" y="4"/>
                  </a:cubicBezTo>
                  <a:lnTo>
                    <a:pt x="213" y="0"/>
                  </a:ln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6"/>
                </a:solidFill>
              </a:endParaRPr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506740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6061AE-8D2B-0739-F19C-543D5A5C09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5CF801EC-C775-7FF9-1003-662302793D7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9239B38-0BC8-8F38-303E-283D6ECD83F8}"/>
              </a:ext>
            </a:extLst>
          </p:cNvPr>
          <p:cNvSpPr txBox="1"/>
          <p:nvPr/>
        </p:nvSpPr>
        <p:spPr>
          <a:xfrm>
            <a:off x="4038600" y="2967335"/>
            <a:ext cx="7543800" cy="923330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0" b="0" i="0" u="none" strike="noStrike" kern="1200" cap="none" spc="0" normalizeH="0" baseline="0" noProof="0" dirty="0">
                <a:ln>
                  <a:noFill/>
                </a:ln>
                <a:solidFill>
                  <a:schemeClr val="accent3"/>
                </a:solidFill>
                <a:effectLst/>
                <a:uLnTx/>
                <a:uFillTx/>
                <a:latin typeface="Palatino Linotype"/>
                <a:ea typeface="+mn-ea"/>
                <a:cs typeface="+mn-cs"/>
              </a:rPr>
              <a:t>Poll Question One</a:t>
            </a: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62A34219-2295-4348-6650-F1B5484BE2D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FD4EA816-B17E-FCB5-EA2D-958566628920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7585" y="4643423"/>
            <a:ext cx="2839495" cy="2249227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27E635B7-521F-6308-4670-494114B3158E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96AD115B-CA71-5419-5CB3-4F69B56CB5DB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C1165EC0-FA67-C97F-4491-316D8D894571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E02667C0-56DD-4B15-815F-9F2B5818030A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0C23623F-1564-86AD-BBF3-98F85969B0BE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3A52971F-A8D2-E374-2297-18E2D0F23527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AF5B855E-1550-6143-D83F-00CCE98F0DB7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140E453E-C145-0EC2-8F50-176B9C88598F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BA51C94D-4967-5DDA-7314-D802C2FDF55B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12C0FFA0-00BB-2EE0-DA3A-0DF966E25552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717841726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4EF72B35-1691-8237-7772-1AD760EC710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8" name="Isosceles Triangle 7">
            <a:extLst>
              <a:ext uri="{FF2B5EF4-FFF2-40B4-BE49-F238E27FC236}">
                <a16:creationId xmlns:a16="http://schemas.microsoft.com/office/drawing/2014/main" id="{73128F39-4830-49DA-A48F-6417757AE2C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white">
          <a:xfrm flipH="1">
            <a:off x="0" y="0"/>
            <a:ext cx="4648200" cy="6832600"/>
          </a:xfrm>
          <a:prstGeom prst="triangle">
            <a:avLst>
              <a:gd name="adj" fmla="val 100000"/>
            </a:avLst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35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B966B6-404A-7A7A-E081-1864580AB7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Authenticity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6413BB8-95BF-9A42-C64D-D3E06DFE523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267200" y="2133600"/>
            <a:ext cx="6485363" cy="3540035"/>
          </a:xfrm>
        </p:spPr>
        <p:txBody>
          <a:bodyPr>
            <a:norm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Share information openly and honestly, even when outcomes are uncertain</a:t>
            </a:r>
          </a:p>
          <a:p>
            <a:r>
              <a:rPr lang="en-US" dirty="0">
                <a:solidFill>
                  <a:schemeClr val="bg1"/>
                </a:solidFill>
              </a:rPr>
              <a:t>Communicate in a way that creates calm and clarity under pressure</a:t>
            </a:r>
          </a:p>
          <a:p>
            <a:r>
              <a:rPr lang="en-US" dirty="0">
                <a:solidFill>
                  <a:schemeClr val="bg1"/>
                </a:solidFill>
              </a:rPr>
              <a:t>Acknowledge what is unknown while still offering direction and confidence</a:t>
            </a:r>
          </a:p>
          <a:p>
            <a:pPr marL="0" indent="0">
              <a:buNone/>
            </a:pPr>
            <a:endParaRPr lang="en-US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8BE64DB5-1D5B-34B8-AD6B-70D496EFAC9A}"/>
              </a:ext>
            </a:extLst>
          </p:cNvPr>
          <p:cNvGrpSpPr>
            <a:grpSpLocks noChangeAspect="1"/>
          </p:cNvGrpSpPr>
          <p:nvPr/>
        </p:nvGrpSpPr>
        <p:grpSpPr>
          <a:xfrm>
            <a:off x="838200" y="2209800"/>
            <a:ext cx="2935488" cy="2609322"/>
            <a:chOff x="1030288" y="1065213"/>
            <a:chExt cx="685801" cy="609601"/>
          </a:xfrm>
        </p:grpSpPr>
        <p:sp>
          <p:nvSpPr>
            <p:cNvPr id="7" name="Freeform 5">
              <a:extLst>
                <a:ext uri="{FF2B5EF4-FFF2-40B4-BE49-F238E27FC236}">
                  <a16:creationId xmlns:a16="http://schemas.microsoft.com/office/drawing/2014/main" id="{E9A86DED-F28D-3B7B-44D9-7D4F0C9ABE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76326" y="1065213"/>
              <a:ext cx="639763" cy="538163"/>
            </a:xfrm>
            <a:custGeom>
              <a:avLst/>
              <a:gdLst>
                <a:gd name="T0" fmla="*/ 60 w 199"/>
                <a:gd name="T1" fmla="*/ 79 h 167"/>
                <a:gd name="T2" fmla="*/ 42 w 199"/>
                <a:gd name="T3" fmla="*/ 96 h 167"/>
                <a:gd name="T4" fmla="*/ 42 w 199"/>
                <a:gd name="T5" fmla="*/ 101 h 167"/>
                <a:gd name="T6" fmla="*/ 60 w 199"/>
                <a:gd name="T7" fmla="*/ 119 h 167"/>
                <a:gd name="T8" fmla="*/ 79 w 199"/>
                <a:gd name="T9" fmla="*/ 101 h 167"/>
                <a:gd name="T10" fmla="*/ 79 w 199"/>
                <a:gd name="T11" fmla="*/ 96 h 167"/>
                <a:gd name="T12" fmla="*/ 60 w 199"/>
                <a:gd name="T13" fmla="*/ 79 h 167"/>
                <a:gd name="T14" fmla="*/ 97 w 199"/>
                <a:gd name="T15" fmla="*/ 158 h 167"/>
                <a:gd name="T16" fmla="*/ 97 w 199"/>
                <a:gd name="T17" fmla="*/ 151 h 167"/>
                <a:gd name="T18" fmla="*/ 60 w 199"/>
                <a:gd name="T19" fmla="*/ 132 h 167"/>
                <a:gd name="T20" fmla="*/ 23 w 199"/>
                <a:gd name="T21" fmla="*/ 151 h 167"/>
                <a:gd name="T22" fmla="*/ 23 w 199"/>
                <a:gd name="T23" fmla="*/ 158 h 167"/>
                <a:gd name="T24" fmla="*/ 60 w 199"/>
                <a:gd name="T25" fmla="*/ 70 h 167"/>
                <a:gd name="T26" fmla="*/ 60 w 199"/>
                <a:gd name="T27" fmla="*/ 13 h 167"/>
                <a:gd name="T28" fmla="*/ 74 w 199"/>
                <a:gd name="T29" fmla="*/ 0 h 167"/>
                <a:gd name="T30" fmla="*/ 185 w 199"/>
                <a:gd name="T31" fmla="*/ 0 h 167"/>
                <a:gd name="T32" fmla="*/ 199 w 199"/>
                <a:gd name="T33" fmla="*/ 13 h 167"/>
                <a:gd name="T34" fmla="*/ 199 w 199"/>
                <a:gd name="T35" fmla="*/ 83 h 167"/>
                <a:gd name="T36" fmla="*/ 185 w 199"/>
                <a:gd name="T37" fmla="*/ 97 h 167"/>
                <a:gd name="T38" fmla="*/ 148 w 199"/>
                <a:gd name="T39" fmla="*/ 97 h 167"/>
                <a:gd name="T40" fmla="*/ 114 w 199"/>
                <a:gd name="T41" fmla="*/ 129 h 167"/>
                <a:gd name="T42" fmla="*/ 106 w 199"/>
                <a:gd name="T43" fmla="*/ 126 h 167"/>
                <a:gd name="T44" fmla="*/ 106 w 199"/>
                <a:gd name="T45" fmla="*/ 97 h 167"/>
                <a:gd name="T46" fmla="*/ 88 w 199"/>
                <a:gd name="T47" fmla="*/ 97 h 167"/>
                <a:gd name="T48" fmla="*/ 185 w 199"/>
                <a:gd name="T49" fmla="*/ 105 h 167"/>
                <a:gd name="T50" fmla="*/ 185 w 199"/>
                <a:gd name="T51" fmla="*/ 167 h 167"/>
                <a:gd name="T52" fmla="*/ 0 w 199"/>
                <a:gd name="T53" fmla="*/ 167 h 167"/>
                <a:gd name="T54" fmla="*/ 0 w 199"/>
                <a:gd name="T55" fmla="*/ 61 h 167"/>
                <a:gd name="T56" fmla="*/ 9 w 199"/>
                <a:gd name="T57" fmla="*/ 52 h 167"/>
                <a:gd name="T58" fmla="*/ 51 w 199"/>
                <a:gd name="T59" fmla="*/ 52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199" h="167">
                  <a:moveTo>
                    <a:pt x="60" y="79"/>
                  </a:moveTo>
                  <a:cubicBezTo>
                    <a:pt x="50" y="79"/>
                    <a:pt x="42" y="87"/>
                    <a:pt x="42" y="96"/>
                  </a:cubicBezTo>
                  <a:cubicBezTo>
                    <a:pt x="42" y="101"/>
                    <a:pt x="42" y="101"/>
                    <a:pt x="42" y="101"/>
                  </a:cubicBezTo>
                  <a:cubicBezTo>
                    <a:pt x="42" y="111"/>
                    <a:pt x="50" y="119"/>
                    <a:pt x="60" y="119"/>
                  </a:cubicBezTo>
                  <a:cubicBezTo>
                    <a:pt x="70" y="119"/>
                    <a:pt x="79" y="111"/>
                    <a:pt x="79" y="101"/>
                  </a:cubicBezTo>
                  <a:cubicBezTo>
                    <a:pt x="79" y="96"/>
                    <a:pt x="79" y="96"/>
                    <a:pt x="79" y="96"/>
                  </a:cubicBezTo>
                  <a:cubicBezTo>
                    <a:pt x="79" y="87"/>
                    <a:pt x="70" y="79"/>
                    <a:pt x="60" y="79"/>
                  </a:cubicBezTo>
                  <a:close/>
                  <a:moveTo>
                    <a:pt x="97" y="158"/>
                  </a:moveTo>
                  <a:cubicBezTo>
                    <a:pt x="97" y="151"/>
                    <a:pt x="97" y="151"/>
                    <a:pt x="97" y="151"/>
                  </a:cubicBezTo>
                  <a:cubicBezTo>
                    <a:pt x="97" y="139"/>
                    <a:pt x="70" y="132"/>
                    <a:pt x="60" y="132"/>
                  </a:cubicBezTo>
                  <a:cubicBezTo>
                    <a:pt x="50" y="132"/>
                    <a:pt x="23" y="139"/>
                    <a:pt x="23" y="151"/>
                  </a:cubicBezTo>
                  <a:cubicBezTo>
                    <a:pt x="23" y="158"/>
                    <a:pt x="23" y="158"/>
                    <a:pt x="23" y="158"/>
                  </a:cubicBezTo>
                  <a:moveTo>
                    <a:pt x="60" y="70"/>
                  </a:moveTo>
                  <a:cubicBezTo>
                    <a:pt x="60" y="13"/>
                    <a:pt x="60" y="13"/>
                    <a:pt x="60" y="13"/>
                  </a:cubicBezTo>
                  <a:cubicBezTo>
                    <a:pt x="60" y="6"/>
                    <a:pt x="66" y="0"/>
                    <a:pt x="74" y="0"/>
                  </a:cubicBezTo>
                  <a:cubicBezTo>
                    <a:pt x="185" y="0"/>
                    <a:pt x="185" y="0"/>
                    <a:pt x="185" y="0"/>
                  </a:cubicBezTo>
                  <a:cubicBezTo>
                    <a:pt x="193" y="0"/>
                    <a:pt x="199" y="6"/>
                    <a:pt x="199" y="13"/>
                  </a:cubicBezTo>
                  <a:cubicBezTo>
                    <a:pt x="199" y="83"/>
                    <a:pt x="199" y="83"/>
                    <a:pt x="199" y="83"/>
                  </a:cubicBezTo>
                  <a:cubicBezTo>
                    <a:pt x="199" y="91"/>
                    <a:pt x="193" y="97"/>
                    <a:pt x="185" y="97"/>
                  </a:cubicBezTo>
                  <a:cubicBezTo>
                    <a:pt x="148" y="97"/>
                    <a:pt x="148" y="97"/>
                    <a:pt x="148" y="97"/>
                  </a:cubicBezTo>
                  <a:cubicBezTo>
                    <a:pt x="114" y="129"/>
                    <a:pt x="114" y="129"/>
                    <a:pt x="114" y="129"/>
                  </a:cubicBezTo>
                  <a:cubicBezTo>
                    <a:pt x="111" y="131"/>
                    <a:pt x="106" y="130"/>
                    <a:pt x="106" y="126"/>
                  </a:cubicBezTo>
                  <a:cubicBezTo>
                    <a:pt x="106" y="97"/>
                    <a:pt x="106" y="97"/>
                    <a:pt x="106" y="97"/>
                  </a:cubicBezTo>
                  <a:cubicBezTo>
                    <a:pt x="88" y="97"/>
                    <a:pt x="88" y="97"/>
                    <a:pt x="88" y="97"/>
                  </a:cubicBezTo>
                  <a:moveTo>
                    <a:pt x="185" y="105"/>
                  </a:moveTo>
                  <a:cubicBezTo>
                    <a:pt x="185" y="167"/>
                    <a:pt x="185" y="167"/>
                    <a:pt x="185" y="167"/>
                  </a:cubicBezTo>
                  <a:moveTo>
                    <a:pt x="0" y="167"/>
                  </a:moveTo>
                  <a:cubicBezTo>
                    <a:pt x="0" y="61"/>
                    <a:pt x="0" y="61"/>
                    <a:pt x="0" y="61"/>
                  </a:cubicBezTo>
                  <a:cubicBezTo>
                    <a:pt x="0" y="56"/>
                    <a:pt x="4" y="52"/>
                    <a:pt x="9" y="52"/>
                  </a:cubicBezTo>
                  <a:cubicBezTo>
                    <a:pt x="51" y="52"/>
                    <a:pt x="51" y="52"/>
                    <a:pt x="51" y="52"/>
                  </a:cubicBez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6"/>
                </a:solidFill>
              </a:endParaRPr>
            </a:p>
          </p:txBody>
        </p:sp>
        <p:sp>
          <p:nvSpPr>
            <p:cNvPr id="9" name="Freeform 6">
              <a:extLst>
                <a:ext uri="{FF2B5EF4-FFF2-40B4-BE49-F238E27FC236}">
                  <a16:creationId xmlns:a16="http://schemas.microsoft.com/office/drawing/2014/main" id="{37F2A7EB-5ABB-C565-138E-6DC95517DD9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393826" y="1136651"/>
              <a:ext cx="180975" cy="157163"/>
            </a:xfrm>
            <a:custGeom>
              <a:avLst/>
              <a:gdLst>
                <a:gd name="T0" fmla="*/ 56 w 56"/>
                <a:gd name="T1" fmla="*/ 31 h 49"/>
                <a:gd name="T2" fmla="*/ 28 w 56"/>
                <a:gd name="T3" fmla="*/ 49 h 49"/>
                <a:gd name="T4" fmla="*/ 0 w 56"/>
                <a:gd name="T5" fmla="*/ 31 h 49"/>
                <a:gd name="T6" fmla="*/ 40 w 56"/>
                <a:gd name="T7" fmla="*/ 0 h 49"/>
                <a:gd name="T8" fmla="*/ 40 w 56"/>
                <a:gd name="T9" fmla="*/ 22 h 49"/>
                <a:gd name="T10" fmla="*/ 16 w 56"/>
                <a:gd name="T11" fmla="*/ 0 h 49"/>
                <a:gd name="T12" fmla="*/ 16 w 56"/>
                <a:gd name="T13" fmla="*/ 22 h 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56" h="49">
                  <a:moveTo>
                    <a:pt x="56" y="31"/>
                  </a:moveTo>
                  <a:cubicBezTo>
                    <a:pt x="51" y="41"/>
                    <a:pt x="41" y="49"/>
                    <a:pt x="28" y="49"/>
                  </a:cubicBezTo>
                  <a:cubicBezTo>
                    <a:pt x="15" y="49"/>
                    <a:pt x="4" y="41"/>
                    <a:pt x="0" y="31"/>
                  </a:cubicBezTo>
                  <a:moveTo>
                    <a:pt x="40" y="0"/>
                  </a:moveTo>
                  <a:cubicBezTo>
                    <a:pt x="40" y="22"/>
                    <a:pt x="40" y="22"/>
                    <a:pt x="40" y="22"/>
                  </a:cubicBezTo>
                  <a:moveTo>
                    <a:pt x="16" y="0"/>
                  </a:moveTo>
                  <a:cubicBezTo>
                    <a:pt x="16" y="22"/>
                    <a:pt x="16" y="22"/>
                    <a:pt x="16" y="22"/>
                  </a:cubicBez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6"/>
                </a:solidFill>
              </a:endParaRPr>
            </a:p>
          </p:txBody>
        </p:sp>
        <p:sp>
          <p:nvSpPr>
            <p:cNvPr id="20" name="Freeform 7">
              <a:extLst>
                <a:ext uri="{FF2B5EF4-FFF2-40B4-BE49-F238E27FC236}">
                  <a16:creationId xmlns:a16="http://schemas.microsoft.com/office/drawing/2014/main" id="{ED459E7B-B67D-53A5-A32C-9BD047385A0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30288" y="1603376"/>
              <a:ext cx="685800" cy="71438"/>
            </a:xfrm>
            <a:custGeom>
              <a:avLst/>
              <a:gdLst>
                <a:gd name="T0" fmla="*/ 213 w 213"/>
                <a:gd name="T1" fmla="*/ 0 h 22"/>
                <a:gd name="T2" fmla="*/ 130 w 213"/>
                <a:gd name="T3" fmla="*/ 0 h 22"/>
                <a:gd name="T4" fmla="*/ 120 w 213"/>
                <a:gd name="T5" fmla="*/ 9 h 22"/>
                <a:gd name="T6" fmla="*/ 97 w 213"/>
                <a:gd name="T7" fmla="*/ 9 h 22"/>
                <a:gd name="T8" fmla="*/ 88 w 213"/>
                <a:gd name="T9" fmla="*/ 0 h 22"/>
                <a:gd name="T10" fmla="*/ 0 w 213"/>
                <a:gd name="T11" fmla="*/ 0 h 22"/>
                <a:gd name="T12" fmla="*/ 0 w 213"/>
                <a:gd name="T13" fmla="*/ 4 h 22"/>
                <a:gd name="T14" fmla="*/ 19 w 213"/>
                <a:gd name="T15" fmla="*/ 22 h 22"/>
                <a:gd name="T16" fmla="*/ 194 w 213"/>
                <a:gd name="T17" fmla="*/ 22 h 22"/>
                <a:gd name="T18" fmla="*/ 213 w 213"/>
                <a:gd name="T19" fmla="*/ 4 h 22"/>
                <a:gd name="T20" fmla="*/ 213 w 213"/>
                <a:gd name="T21" fmla="*/ 0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13" h="22">
                  <a:moveTo>
                    <a:pt x="213" y="0"/>
                  </a:moveTo>
                  <a:cubicBezTo>
                    <a:pt x="130" y="0"/>
                    <a:pt x="130" y="0"/>
                    <a:pt x="130" y="0"/>
                  </a:cubicBezTo>
                  <a:cubicBezTo>
                    <a:pt x="120" y="9"/>
                    <a:pt x="120" y="9"/>
                    <a:pt x="120" y="9"/>
                  </a:cubicBezTo>
                  <a:cubicBezTo>
                    <a:pt x="97" y="9"/>
                    <a:pt x="97" y="9"/>
                    <a:pt x="97" y="9"/>
                  </a:cubicBezTo>
                  <a:cubicBezTo>
                    <a:pt x="88" y="0"/>
                    <a:pt x="88" y="0"/>
                    <a:pt x="88" y="0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4"/>
                    <a:pt x="8" y="22"/>
                    <a:pt x="19" y="22"/>
                  </a:cubicBezTo>
                  <a:cubicBezTo>
                    <a:pt x="194" y="22"/>
                    <a:pt x="194" y="22"/>
                    <a:pt x="194" y="22"/>
                  </a:cubicBezTo>
                  <a:cubicBezTo>
                    <a:pt x="205" y="22"/>
                    <a:pt x="213" y="14"/>
                    <a:pt x="213" y="4"/>
                  </a:cubicBezTo>
                  <a:lnTo>
                    <a:pt x="213" y="0"/>
                  </a:lnTo>
                  <a:close/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6"/>
                </a:solidFill>
              </a:endParaRPr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334006428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5881188-BCBD-243B-1E54-17534C0348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FADCDAE-F40F-762D-37DD-6ED630586F3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8" name="Isosceles Triangle 7">
            <a:extLst>
              <a:ext uri="{FF2B5EF4-FFF2-40B4-BE49-F238E27FC236}">
                <a16:creationId xmlns:a16="http://schemas.microsoft.com/office/drawing/2014/main" id="{B2DEDE22-BD1E-D7DA-4E71-B60DB7D7F6D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white">
          <a:xfrm flipH="1">
            <a:off x="0" y="0"/>
            <a:ext cx="4648200" cy="6832600"/>
          </a:xfrm>
          <a:prstGeom prst="triangle">
            <a:avLst>
              <a:gd name="adj" fmla="val 100000"/>
            </a:avLst>
          </a:prstGeom>
          <a:solidFill>
            <a:schemeClr val="bg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35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1862581-B90F-4657-F130-2A6F87E49E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Discernment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38A7856-D12E-4CEC-1A21-9E6C31231B5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267200" y="2133600"/>
            <a:ext cx="6485363" cy="3540035"/>
          </a:xfrm>
        </p:spPr>
        <p:txBody>
          <a:bodyPr>
            <a:normAutofit lnSpcReduction="10000"/>
          </a:bodyPr>
          <a:lstStyle/>
          <a:p>
            <a:pPr>
              <a:buClr>
                <a:schemeClr val="bg2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Identify the most important issues when faced with complexity or ambiguity</a:t>
            </a:r>
          </a:p>
          <a:p>
            <a:pPr>
              <a:buClr>
                <a:schemeClr val="bg2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Make timely, well-reasoned decisions even without complete information</a:t>
            </a:r>
          </a:p>
          <a:p>
            <a:pPr>
              <a:buClr>
                <a:schemeClr val="bg2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Avoid rushing to simplistic answers when facing ambiguity, weighing risks and opportunities instead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8FA36B24-3FF7-68FB-91C3-6435D8B101C5}"/>
              </a:ext>
            </a:extLst>
          </p:cNvPr>
          <p:cNvGrpSpPr/>
          <p:nvPr/>
        </p:nvGrpSpPr>
        <p:grpSpPr>
          <a:xfrm>
            <a:off x="914400" y="2060751"/>
            <a:ext cx="3112697" cy="2892249"/>
            <a:chOff x="882152" y="865780"/>
            <a:chExt cx="1094361" cy="1016856"/>
          </a:xfrm>
        </p:grpSpPr>
        <p:sp>
          <p:nvSpPr>
            <p:cNvPr id="7" name="Freeform 171">
              <a:extLst>
                <a:ext uri="{FF2B5EF4-FFF2-40B4-BE49-F238E27FC236}">
                  <a16:creationId xmlns:a16="http://schemas.microsoft.com/office/drawing/2014/main" id="{CEBB2B9B-2117-87B8-DDA5-2CD638C4C531}"/>
                </a:ext>
              </a:extLst>
            </p:cNvPr>
            <p:cNvSpPr>
              <a:spLocks/>
            </p:cNvSpPr>
            <p:nvPr/>
          </p:nvSpPr>
          <p:spPr bwMode="auto">
            <a:xfrm>
              <a:off x="1353378" y="1020789"/>
              <a:ext cx="455726" cy="455726"/>
            </a:xfrm>
            <a:custGeom>
              <a:avLst/>
              <a:gdLst>
                <a:gd name="T0" fmla="*/ 62 w 62"/>
                <a:gd name="T1" fmla="*/ 36 h 62"/>
                <a:gd name="T2" fmla="*/ 62 w 62"/>
                <a:gd name="T3" fmla="*/ 26 h 62"/>
                <a:gd name="T4" fmla="*/ 56 w 62"/>
                <a:gd name="T5" fmla="*/ 25 h 62"/>
                <a:gd name="T6" fmla="*/ 53 w 62"/>
                <a:gd name="T7" fmla="*/ 17 h 62"/>
                <a:gd name="T8" fmla="*/ 57 w 62"/>
                <a:gd name="T9" fmla="*/ 12 h 62"/>
                <a:gd name="T10" fmla="*/ 50 w 62"/>
                <a:gd name="T11" fmla="*/ 5 h 62"/>
                <a:gd name="T12" fmla="*/ 45 w 62"/>
                <a:gd name="T13" fmla="*/ 9 h 62"/>
                <a:gd name="T14" fmla="*/ 37 w 62"/>
                <a:gd name="T15" fmla="*/ 6 h 62"/>
                <a:gd name="T16" fmla="*/ 36 w 62"/>
                <a:gd name="T17" fmla="*/ 0 h 62"/>
                <a:gd name="T18" fmla="*/ 26 w 62"/>
                <a:gd name="T19" fmla="*/ 0 h 62"/>
                <a:gd name="T20" fmla="*/ 25 w 62"/>
                <a:gd name="T21" fmla="*/ 6 h 62"/>
                <a:gd name="T22" fmla="*/ 18 w 62"/>
                <a:gd name="T23" fmla="*/ 9 h 62"/>
                <a:gd name="T24" fmla="*/ 12 w 62"/>
                <a:gd name="T25" fmla="*/ 5 h 62"/>
                <a:gd name="T26" fmla="*/ 6 w 62"/>
                <a:gd name="T27" fmla="*/ 12 h 62"/>
                <a:gd name="T28" fmla="*/ 10 w 62"/>
                <a:gd name="T29" fmla="*/ 17 h 62"/>
                <a:gd name="T30" fmla="*/ 6 w 62"/>
                <a:gd name="T31" fmla="*/ 25 h 62"/>
                <a:gd name="T32" fmla="*/ 0 w 62"/>
                <a:gd name="T33" fmla="*/ 26 h 62"/>
                <a:gd name="T34" fmla="*/ 0 w 62"/>
                <a:gd name="T35" fmla="*/ 36 h 62"/>
                <a:gd name="T36" fmla="*/ 6 w 62"/>
                <a:gd name="T37" fmla="*/ 37 h 62"/>
                <a:gd name="T38" fmla="*/ 10 w 62"/>
                <a:gd name="T39" fmla="*/ 44 h 62"/>
                <a:gd name="T40" fmla="*/ 6 w 62"/>
                <a:gd name="T41" fmla="*/ 50 h 62"/>
                <a:gd name="T42" fmla="*/ 12 w 62"/>
                <a:gd name="T43" fmla="*/ 56 h 62"/>
                <a:gd name="T44" fmla="*/ 18 w 62"/>
                <a:gd name="T45" fmla="*/ 52 h 62"/>
                <a:gd name="T46" fmla="*/ 25 w 62"/>
                <a:gd name="T47" fmla="*/ 56 h 62"/>
                <a:gd name="T48" fmla="*/ 26 w 62"/>
                <a:gd name="T49" fmla="*/ 62 h 62"/>
                <a:gd name="T50" fmla="*/ 36 w 62"/>
                <a:gd name="T51" fmla="*/ 62 h 62"/>
                <a:gd name="T52" fmla="*/ 37 w 62"/>
                <a:gd name="T53" fmla="*/ 56 h 62"/>
                <a:gd name="T54" fmla="*/ 45 w 62"/>
                <a:gd name="T55" fmla="*/ 52 h 62"/>
                <a:gd name="T56" fmla="*/ 50 w 62"/>
                <a:gd name="T57" fmla="*/ 56 h 62"/>
                <a:gd name="T58" fmla="*/ 57 w 62"/>
                <a:gd name="T59" fmla="*/ 50 h 62"/>
                <a:gd name="T60" fmla="*/ 53 w 62"/>
                <a:gd name="T61" fmla="*/ 44 h 62"/>
                <a:gd name="T62" fmla="*/ 56 w 62"/>
                <a:gd name="T63" fmla="*/ 37 h 62"/>
                <a:gd name="T64" fmla="*/ 62 w 62"/>
                <a:gd name="T65" fmla="*/ 36 h 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62" h="62">
                  <a:moveTo>
                    <a:pt x="62" y="36"/>
                  </a:moveTo>
                  <a:cubicBezTo>
                    <a:pt x="62" y="26"/>
                    <a:pt x="62" y="26"/>
                    <a:pt x="62" y="26"/>
                  </a:cubicBezTo>
                  <a:cubicBezTo>
                    <a:pt x="56" y="25"/>
                    <a:pt x="56" y="25"/>
                    <a:pt x="56" y="25"/>
                  </a:cubicBezTo>
                  <a:cubicBezTo>
                    <a:pt x="55" y="22"/>
                    <a:pt x="54" y="20"/>
                    <a:pt x="53" y="17"/>
                  </a:cubicBezTo>
                  <a:cubicBezTo>
                    <a:pt x="57" y="12"/>
                    <a:pt x="57" y="12"/>
                    <a:pt x="57" y="12"/>
                  </a:cubicBezTo>
                  <a:cubicBezTo>
                    <a:pt x="50" y="5"/>
                    <a:pt x="50" y="5"/>
                    <a:pt x="50" y="5"/>
                  </a:cubicBezTo>
                  <a:cubicBezTo>
                    <a:pt x="45" y="9"/>
                    <a:pt x="45" y="9"/>
                    <a:pt x="45" y="9"/>
                  </a:cubicBezTo>
                  <a:cubicBezTo>
                    <a:pt x="42" y="8"/>
                    <a:pt x="40" y="7"/>
                    <a:pt x="37" y="6"/>
                  </a:cubicBezTo>
                  <a:cubicBezTo>
                    <a:pt x="36" y="0"/>
                    <a:pt x="36" y="0"/>
                    <a:pt x="36" y="0"/>
                  </a:cubicBezTo>
                  <a:cubicBezTo>
                    <a:pt x="26" y="0"/>
                    <a:pt x="26" y="0"/>
                    <a:pt x="26" y="0"/>
                  </a:cubicBezTo>
                  <a:cubicBezTo>
                    <a:pt x="25" y="6"/>
                    <a:pt x="25" y="6"/>
                    <a:pt x="25" y="6"/>
                  </a:cubicBezTo>
                  <a:cubicBezTo>
                    <a:pt x="23" y="7"/>
                    <a:pt x="20" y="8"/>
                    <a:pt x="18" y="9"/>
                  </a:cubicBezTo>
                  <a:cubicBezTo>
                    <a:pt x="12" y="5"/>
                    <a:pt x="12" y="5"/>
                    <a:pt x="12" y="5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10" y="17"/>
                    <a:pt x="10" y="17"/>
                    <a:pt x="10" y="17"/>
                  </a:cubicBezTo>
                  <a:cubicBezTo>
                    <a:pt x="8" y="20"/>
                    <a:pt x="7" y="22"/>
                    <a:pt x="6" y="25"/>
                  </a:cubicBezTo>
                  <a:cubicBezTo>
                    <a:pt x="0" y="26"/>
                    <a:pt x="0" y="26"/>
                    <a:pt x="0" y="26"/>
                  </a:cubicBezTo>
                  <a:cubicBezTo>
                    <a:pt x="0" y="36"/>
                    <a:pt x="0" y="36"/>
                    <a:pt x="0" y="36"/>
                  </a:cubicBezTo>
                  <a:cubicBezTo>
                    <a:pt x="6" y="37"/>
                    <a:pt x="6" y="37"/>
                    <a:pt x="6" y="37"/>
                  </a:cubicBezTo>
                  <a:cubicBezTo>
                    <a:pt x="7" y="39"/>
                    <a:pt x="8" y="42"/>
                    <a:pt x="10" y="44"/>
                  </a:cubicBezTo>
                  <a:cubicBezTo>
                    <a:pt x="6" y="50"/>
                    <a:pt x="6" y="50"/>
                    <a:pt x="6" y="50"/>
                  </a:cubicBezTo>
                  <a:cubicBezTo>
                    <a:pt x="12" y="56"/>
                    <a:pt x="12" y="56"/>
                    <a:pt x="12" y="56"/>
                  </a:cubicBezTo>
                  <a:cubicBezTo>
                    <a:pt x="18" y="52"/>
                    <a:pt x="18" y="52"/>
                    <a:pt x="18" y="52"/>
                  </a:cubicBezTo>
                  <a:cubicBezTo>
                    <a:pt x="20" y="54"/>
                    <a:pt x="23" y="55"/>
                    <a:pt x="25" y="56"/>
                  </a:cubicBezTo>
                  <a:cubicBezTo>
                    <a:pt x="26" y="62"/>
                    <a:pt x="26" y="62"/>
                    <a:pt x="26" y="62"/>
                  </a:cubicBezTo>
                  <a:cubicBezTo>
                    <a:pt x="36" y="62"/>
                    <a:pt x="36" y="62"/>
                    <a:pt x="36" y="62"/>
                  </a:cubicBezTo>
                  <a:cubicBezTo>
                    <a:pt x="37" y="56"/>
                    <a:pt x="37" y="56"/>
                    <a:pt x="37" y="56"/>
                  </a:cubicBezTo>
                  <a:cubicBezTo>
                    <a:pt x="40" y="55"/>
                    <a:pt x="42" y="54"/>
                    <a:pt x="45" y="52"/>
                  </a:cubicBezTo>
                  <a:cubicBezTo>
                    <a:pt x="50" y="56"/>
                    <a:pt x="50" y="56"/>
                    <a:pt x="50" y="56"/>
                  </a:cubicBezTo>
                  <a:cubicBezTo>
                    <a:pt x="57" y="50"/>
                    <a:pt x="57" y="50"/>
                    <a:pt x="57" y="50"/>
                  </a:cubicBezTo>
                  <a:cubicBezTo>
                    <a:pt x="53" y="44"/>
                    <a:pt x="53" y="44"/>
                    <a:pt x="53" y="44"/>
                  </a:cubicBezTo>
                  <a:cubicBezTo>
                    <a:pt x="54" y="42"/>
                    <a:pt x="55" y="39"/>
                    <a:pt x="56" y="37"/>
                  </a:cubicBezTo>
                  <a:lnTo>
                    <a:pt x="62" y="36"/>
                  </a:lnTo>
                  <a:close/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9" name="Oval 172">
              <a:extLst>
                <a:ext uri="{FF2B5EF4-FFF2-40B4-BE49-F238E27FC236}">
                  <a16:creationId xmlns:a16="http://schemas.microsoft.com/office/drawing/2014/main" id="{36021409-A9B8-753D-C660-932B297BDFA1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492887" y="1160296"/>
              <a:ext cx="176711" cy="176711"/>
            </a:xfrm>
            <a:prstGeom prst="ellipse">
              <a:avLst/>
            </a:pr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10" name="Freeform 173">
              <a:extLst>
                <a:ext uri="{FF2B5EF4-FFF2-40B4-BE49-F238E27FC236}">
                  <a16:creationId xmlns:a16="http://schemas.microsoft.com/office/drawing/2014/main" id="{6F18E279-3343-6711-0C10-541A2BB1A69B}"/>
                </a:ext>
              </a:extLst>
            </p:cNvPr>
            <p:cNvSpPr>
              <a:spLocks/>
            </p:cNvSpPr>
            <p:nvPr/>
          </p:nvSpPr>
          <p:spPr bwMode="auto">
            <a:xfrm>
              <a:off x="1226272" y="865780"/>
              <a:ext cx="750241" cy="1016856"/>
            </a:xfrm>
            <a:custGeom>
              <a:avLst/>
              <a:gdLst>
                <a:gd name="T0" fmla="*/ 84 w 102"/>
                <a:gd name="T1" fmla="*/ 138 h 138"/>
                <a:gd name="T2" fmla="*/ 84 w 102"/>
                <a:gd name="T3" fmla="*/ 110 h 138"/>
                <a:gd name="T4" fmla="*/ 96 w 102"/>
                <a:gd name="T5" fmla="*/ 107 h 138"/>
                <a:gd name="T6" fmla="*/ 96 w 102"/>
                <a:gd name="T7" fmla="*/ 84 h 138"/>
                <a:gd name="T8" fmla="*/ 102 w 102"/>
                <a:gd name="T9" fmla="*/ 84 h 138"/>
                <a:gd name="T10" fmla="*/ 102 w 102"/>
                <a:gd name="T11" fmla="*/ 78 h 138"/>
                <a:gd name="T12" fmla="*/ 93 w 102"/>
                <a:gd name="T13" fmla="*/ 62 h 138"/>
                <a:gd name="T14" fmla="*/ 93 w 102"/>
                <a:gd name="T15" fmla="*/ 56 h 138"/>
                <a:gd name="T16" fmla="*/ 99 w 102"/>
                <a:gd name="T17" fmla="*/ 53 h 138"/>
                <a:gd name="T18" fmla="*/ 42 w 102"/>
                <a:gd name="T19" fmla="*/ 4 h 138"/>
                <a:gd name="T20" fmla="*/ 12 w 102"/>
                <a:gd name="T21" fmla="*/ 22 h 138"/>
                <a:gd name="T22" fmla="*/ 1 w 102"/>
                <a:gd name="T23" fmla="*/ 57 h 138"/>
                <a:gd name="T24" fmla="*/ 4 w 102"/>
                <a:gd name="T25" fmla="*/ 72 h 138"/>
                <a:gd name="T26" fmla="*/ 17 w 102"/>
                <a:gd name="T27" fmla="*/ 107 h 138"/>
                <a:gd name="T28" fmla="*/ 17 w 102"/>
                <a:gd name="T29" fmla="*/ 138 h 1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102" h="138">
                  <a:moveTo>
                    <a:pt x="84" y="138"/>
                  </a:moveTo>
                  <a:cubicBezTo>
                    <a:pt x="84" y="110"/>
                    <a:pt x="84" y="110"/>
                    <a:pt x="84" y="110"/>
                  </a:cubicBezTo>
                  <a:cubicBezTo>
                    <a:pt x="96" y="107"/>
                    <a:pt x="96" y="107"/>
                    <a:pt x="96" y="107"/>
                  </a:cubicBezTo>
                  <a:cubicBezTo>
                    <a:pt x="96" y="84"/>
                    <a:pt x="96" y="84"/>
                    <a:pt x="96" y="84"/>
                  </a:cubicBezTo>
                  <a:cubicBezTo>
                    <a:pt x="102" y="84"/>
                    <a:pt x="102" y="84"/>
                    <a:pt x="102" y="84"/>
                  </a:cubicBezTo>
                  <a:cubicBezTo>
                    <a:pt x="102" y="78"/>
                    <a:pt x="102" y="78"/>
                    <a:pt x="102" y="78"/>
                  </a:cubicBezTo>
                  <a:cubicBezTo>
                    <a:pt x="93" y="62"/>
                    <a:pt x="93" y="62"/>
                    <a:pt x="93" y="62"/>
                  </a:cubicBezTo>
                  <a:cubicBezTo>
                    <a:pt x="93" y="56"/>
                    <a:pt x="93" y="56"/>
                    <a:pt x="93" y="56"/>
                  </a:cubicBezTo>
                  <a:cubicBezTo>
                    <a:pt x="99" y="53"/>
                    <a:pt x="99" y="53"/>
                    <a:pt x="99" y="53"/>
                  </a:cubicBezTo>
                  <a:cubicBezTo>
                    <a:pt x="99" y="24"/>
                    <a:pt x="73" y="0"/>
                    <a:pt x="42" y="4"/>
                  </a:cubicBezTo>
                  <a:cubicBezTo>
                    <a:pt x="30" y="6"/>
                    <a:pt x="19" y="13"/>
                    <a:pt x="12" y="22"/>
                  </a:cubicBezTo>
                  <a:cubicBezTo>
                    <a:pt x="4" y="32"/>
                    <a:pt x="0" y="44"/>
                    <a:pt x="1" y="57"/>
                  </a:cubicBezTo>
                  <a:cubicBezTo>
                    <a:pt x="1" y="62"/>
                    <a:pt x="3" y="67"/>
                    <a:pt x="4" y="72"/>
                  </a:cubicBezTo>
                  <a:cubicBezTo>
                    <a:pt x="17" y="107"/>
                    <a:pt x="17" y="107"/>
                    <a:pt x="17" y="107"/>
                  </a:cubicBezTo>
                  <a:cubicBezTo>
                    <a:pt x="17" y="138"/>
                    <a:pt x="17" y="138"/>
                    <a:pt x="17" y="138"/>
                  </a:cubicBez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11" name="Freeform 174">
              <a:extLst>
                <a:ext uri="{FF2B5EF4-FFF2-40B4-BE49-F238E27FC236}">
                  <a16:creationId xmlns:a16="http://schemas.microsoft.com/office/drawing/2014/main" id="{3D4CE0D0-B494-6754-D1BD-95BC907A11FD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957" y="1123094"/>
              <a:ext cx="198411" cy="133308"/>
            </a:xfrm>
            <a:custGeom>
              <a:avLst/>
              <a:gdLst>
                <a:gd name="T0" fmla="*/ 0 w 64"/>
                <a:gd name="T1" fmla="*/ 0 h 43"/>
                <a:gd name="T2" fmla="*/ 0 w 64"/>
                <a:gd name="T3" fmla="*/ 43 h 43"/>
                <a:gd name="T4" fmla="*/ 64 w 64"/>
                <a:gd name="T5" fmla="*/ 43 h 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4" h="43">
                  <a:moveTo>
                    <a:pt x="0" y="0"/>
                  </a:moveTo>
                  <a:lnTo>
                    <a:pt x="0" y="43"/>
                  </a:lnTo>
                  <a:lnTo>
                    <a:pt x="64" y="43"/>
                  </a:ln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12" name="Freeform 175">
              <a:extLst>
                <a:ext uri="{FF2B5EF4-FFF2-40B4-BE49-F238E27FC236}">
                  <a16:creationId xmlns:a16="http://schemas.microsoft.com/office/drawing/2014/main" id="{124C8585-ECEA-778E-0E4B-4FC6706C2C02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555" y="1603621"/>
              <a:ext cx="322418" cy="124007"/>
            </a:xfrm>
            <a:custGeom>
              <a:avLst/>
              <a:gdLst>
                <a:gd name="T0" fmla="*/ 104 w 104"/>
                <a:gd name="T1" fmla="*/ 0 h 40"/>
                <a:gd name="T2" fmla="*/ 0 w 104"/>
                <a:gd name="T3" fmla="*/ 0 h 40"/>
                <a:gd name="T4" fmla="*/ 0 w 104"/>
                <a:gd name="T5" fmla="*/ 4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04" h="40">
                  <a:moveTo>
                    <a:pt x="104" y="0"/>
                  </a:moveTo>
                  <a:lnTo>
                    <a:pt x="0" y="0"/>
                  </a:lnTo>
                  <a:lnTo>
                    <a:pt x="0" y="40"/>
                  </a:ln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13" name="Freeform 176">
              <a:extLst>
                <a:ext uri="{FF2B5EF4-FFF2-40B4-BE49-F238E27FC236}">
                  <a16:creationId xmlns:a16="http://schemas.microsoft.com/office/drawing/2014/main" id="{4945680F-83C7-9581-F666-E2555DB586EC}"/>
                </a:ext>
              </a:extLst>
            </p:cNvPr>
            <p:cNvSpPr>
              <a:spLocks/>
            </p:cNvSpPr>
            <p:nvPr/>
          </p:nvSpPr>
          <p:spPr bwMode="auto">
            <a:xfrm>
              <a:off x="882152" y="1727628"/>
              <a:ext cx="403022" cy="133308"/>
            </a:xfrm>
            <a:custGeom>
              <a:avLst/>
              <a:gdLst>
                <a:gd name="T0" fmla="*/ 130 w 130"/>
                <a:gd name="T1" fmla="*/ 0 h 43"/>
                <a:gd name="T2" fmla="*/ 0 w 130"/>
                <a:gd name="T3" fmla="*/ 0 h 43"/>
                <a:gd name="T4" fmla="*/ 0 w 130"/>
                <a:gd name="T5" fmla="*/ 43 h 43"/>
                <a:gd name="T6" fmla="*/ 130 w 130"/>
                <a:gd name="T7" fmla="*/ 43 h 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30" h="43">
                  <a:moveTo>
                    <a:pt x="130" y="0"/>
                  </a:moveTo>
                  <a:lnTo>
                    <a:pt x="0" y="0"/>
                  </a:lnTo>
                  <a:lnTo>
                    <a:pt x="0" y="43"/>
                  </a:lnTo>
                  <a:lnTo>
                    <a:pt x="130" y="43"/>
                  </a:ln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14" name="Freeform 177">
              <a:extLst>
                <a:ext uri="{FF2B5EF4-FFF2-40B4-BE49-F238E27FC236}">
                  <a16:creationId xmlns:a16="http://schemas.microsoft.com/office/drawing/2014/main" id="{B5BB3FA8-0B17-A258-92E6-BB942CC093E2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957" y="1256402"/>
              <a:ext cx="52704" cy="347219"/>
            </a:xfrm>
            <a:custGeom>
              <a:avLst/>
              <a:gdLst>
                <a:gd name="T0" fmla="*/ 0 w 7"/>
                <a:gd name="T1" fmla="*/ 47 h 47"/>
                <a:gd name="T2" fmla="*/ 7 w 7"/>
                <a:gd name="T3" fmla="*/ 13 h 47"/>
                <a:gd name="T4" fmla="*/ 7 w 7"/>
                <a:gd name="T5" fmla="*/ 0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7" h="47">
                  <a:moveTo>
                    <a:pt x="0" y="47"/>
                  </a:moveTo>
                  <a:cubicBezTo>
                    <a:pt x="0" y="47"/>
                    <a:pt x="7" y="29"/>
                    <a:pt x="7" y="13"/>
                  </a:cubicBezTo>
                  <a:cubicBezTo>
                    <a:pt x="7" y="0"/>
                    <a:pt x="7" y="0"/>
                    <a:pt x="7" y="0"/>
                  </a:cubicBez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15" name="Freeform 178">
              <a:extLst>
                <a:ext uri="{FF2B5EF4-FFF2-40B4-BE49-F238E27FC236}">
                  <a16:creationId xmlns:a16="http://schemas.microsoft.com/office/drawing/2014/main" id="{AF37F589-D792-E1BD-92A3-AB209B91ACA6}"/>
                </a:ext>
              </a:extLst>
            </p:cNvPr>
            <p:cNvSpPr>
              <a:spLocks/>
            </p:cNvSpPr>
            <p:nvPr/>
          </p:nvSpPr>
          <p:spPr bwMode="auto">
            <a:xfrm>
              <a:off x="882152" y="887481"/>
              <a:ext cx="306918" cy="235613"/>
            </a:xfrm>
            <a:custGeom>
              <a:avLst/>
              <a:gdLst>
                <a:gd name="T0" fmla="*/ 85 w 99"/>
                <a:gd name="T1" fmla="*/ 31 h 76"/>
                <a:gd name="T2" fmla="*/ 42 w 99"/>
                <a:gd name="T3" fmla="*/ 31 h 76"/>
                <a:gd name="T4" fmla="*/ 42 w 99"/>
                <a:gd name="T5" fmla="*/ 0 h 76"/>
                <a:gd name="T6" fmla="*/ 0 w 99"/>
                <a:gd name="T7" fmla="*/ 0 h 76"/>
                <a:gd name="T8" fmla="*/ 0 w 99"/>
                <a:gd name="T9" fmla="*/ 45 h 76"/>
                <a:gd name="T10" fmla="*/ 16 w 99"/>
                <a:gd name="T11" fmla="*/ 76 h 76"/>
                <a:gd name="T12" fmla="*/ 99 w 99"/>
                <a:gd name="T13" fmla="*/ 76 h 7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99" h="76">
                  <a:moveTo>
                    <a:pt x="85" y="31"/>
                  </a:moveTo>
                  <a:lnTo>
                    <a:pt x="42" y="31"/>
                  </a:lnTo>
                  <a:lnTo>
                    <a:pt x="42" y="0"/>
                  </a:lnTo>
                  <a:lnTo>
                    <a:pt x="0" y="0"/>
                  </a:lnTo>
                  <a:lnTo>
                    <a:pt x="0" y="45"/>
                  </a:lnTo>
                  <a:lnTo>
                    <a:pt x="16" y="76"/>
                  </a:lnTo>
                  <a:lnTo>
                    <a:pt x="99" y="76"/>
                  </a:ln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16" name="Freeform 179">
              <a:extLst>
                <a:ext uri="{FF2B5EF4-FFF2-40B4-BE49-F238E27FC236}">
                  <a16:creationId xmlns:a16="http://schemas.microsoft.com/office/drawing/2014/main" id="{8051C701-D4C0-E889-96C6-AEF19CAEA68D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0166" y="887481"/>
              <a:ext cx="235613" cy="96106"/>
            </a:xfrm>
            <a:custGeom>
              <a:avLst/>
              <a:gdLst>
                <a:gd name="T0" fmla="*/ 76 w 76"/>
                <a:gd name="T1" fmla="*/ 0 h 31"/>
                <a:gd name="T2" fmla="*/ 38 w 76"/>
                <a:gd name="T3" fmla="*/ 0 h 31"/>
                <a:gd name="T4" fmla="*/ 38 w 76"/>
                <a:gd name="T5" fmla="*/ 31 h 31"/>
                <a:gd name="T6" fmla="*/ 0 w 76"/>
                <a:gd name="T7" fmla="*/ 31 h 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6" h="31">
                  <a:moveTo>
                    <a:pt x="76" y="0"/>
                  </a:moveTo>
                  <a:lnTo>
                    <a:pt x="38" y="0"/>
                  </a:lnTo>
                  <a:lnTo>
                    <a:pt x="38" y="31"/>
                  </a:lnTo>
                  <a:lnTo>
                    <a:pt x="0" y="31"/>
                  </a:ln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978584326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FAEFD8B5-F136-DBF0-40B7-4FB49A1BCCE4}"/>
              </a:ext>
            </a:extLst>
          </p:cNvPr>
          <p:cNvSpPr txBox="1"/>
          <p:nvPr/>
        </p:nvSpPr>
        <p:spPr>
          <a:xfrm>
            <a:off x="5067300" y="685800"/>
            <a:ext cx="7124700" cy="58785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2400" dirty="0"/>
              <a:t>When the </a:t>
            </a:r>
            <a:r>
              <a:rPr lang="en-US" sz="2200" dirty="0"/>
              <a:t>world feels overwhelming, our brains do something completely natural.</a:t>
            </a:r>
          </a:p>
          <a:p>
            <a:endParaRPr lang="en-US" sz="2200" dirty="0"/>
          </a:p>
          <a:p>
            <a:r>
              <a:rPr lang="en-US" sz="2200" dirty="0"/>
              <a:t>We reach for certainty.</a:t>
            </a:r>
          </a:p>
          <a:p>
            <a:r>
              <a:rPr lang="en-US" sz="2200" dirty="0"/>
              <a:t>Any certainty.</a:t>
            </a:r>
          </a:p>
          <a:p>
            <a:endParaRPr lang="en-US" sz="2200" dirty="0"/>
          </a:p>
          <a:p>
            <a:r>
              <a:rPr lang="en-US" sz="2200" dirty="0"/>
              <a:t>It makes sense. Certainty feels safe. It feels like progress. It feels like control.</a:t>
            </a:r>
          </a:p>
          <a:p>
            <a:endParaRPr lang="en-US" sz="2200" dirty="0"/>
          </a:p>
          <a:p>
            <a:r>
              <a:rPr lang="en-US" sz="2200" dirty="0"/>
              <a:t>But there’s a catch.</a:t>
            </a:r>
          </a:p>
          <a:p>
            <a:endParaRPr lang="en-US" sz="2200" dirty="0"/>
          </a:p>
          <a:p>
            <a:r>
              <a:rPr lang="en-US" sz="2200" dirty="0"/>
              <a:t>The faster we reach for certainty, he more we risk grabbing an answer – any answer – just to feel better…</a:t>
            </a:r>
          </a:p>
          <a:p>
            <a:endParaRPr lang="en-US" sz="2200" dirty="0"/>
          </a:p>
          <a:p>
            <a:r>
              <a:rPr lang="en-US" sz="2200" dirty="0"/>
              <a:t>But real leadership – real progress often requires staying with the discomfort of not know a little longer than we want to.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BC742955-1A5B-CA65-8203-AB846BA154C5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60379"/>
          <a:stretch>
            <a:fillRect/>
          </a:stretch>
        </p:blipFill>
        <p:spPr>
          <a:xfrm>
            <a:off x="419100" y="4953000"/>
            <a:ext cx="4495800" cy="1066800"/>
          </a:xfrm>
          <a:prstGeom prst="rect">
            <a:avLst/>
          </a:prstGeom>
        </p:spPr>
      </p:pic>
      <p:pic>
        <p:nvPicPr>
          <p:cNvPr id="1028" name="Picture 4" descr="Kate Christiansen">
            <a:extLst>
              <a:ext uri="{FF2B5EF4-FFF2-40B4-BE49-F238E27FC236}">
                <a16:creationId xmlns:a16="http://schemas.microsoft.com/office/drawing/2014/main" id="{90F28016-1670-626F-48F0-E15280058A6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9600" y="1092200"/>
            <a:ext cx="3810000" cy="381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933968363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B203AC3-8F67-0250-8E55-336E0A4B462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A1990CB9-42CB-1715-4F41-F96131B12C5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8" name="Isosceles Triangle 7">
            <a:extLst>
              <a:ext uri="{FF2B5EF4-FFF2-40B4-BE49-F238E27FC236}">
                <a16:creationId xmlns:a16="http://schemas.microsoft.com/office/drawing/2014/main" id="{AA47D7AC-F7B1-E18C-E14C-738E3390957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white">
          <a:xfrm flipH="1">
            <a:off x="0" y="0"/>
            <a:ext cx="4648200" cy="6832600"/>
          </a:xfrm>
          <a:prstGeom prst="triangle">
            <a:avLst>
              <a:gd name="adj" fmla="val 100000"/>
            </a:avLst>
          </a:prstGeom>
          <a:solidFill>
            <a:schemeClr val="accent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35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18C0EBE-205E-FCB1-469E-C1BA3DCBC4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Agility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3E7F71-5C1C-0B9D-7EED-0C28A66C003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267200" y="2133600"/>
            <a:ext cx="6485363" cy="3540035"/>
          </a:xfrm>
        </p:spPr>
        <p:txBody>
          <a:bodyPr>
            <a:normAutofit/>
          </a:bodyPr>
          <a:lstStyle/>
          <a:p>
            <a:pPr>
              <a:buClr>
                <a:schemeClr val="accent1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Pivot effectively when </a:t>
            </a:r>
            <a:br>
              <a:rPr lang="en-US" dirty="0">
                <a:solidFill>
                  <a:schemeClr val="bg1"/>
                </a:solidFill>
              </a:rPr>
            </a:br>
            <a:r>
              <a:rPr lang="en-US" dirty="0">
                <a:solidFill>
                  <a:schemeClr val="bg1"/>
                </a:solidFill>
              </a:rPr>
              <a:t>circumstances change</a:t>
            </a:r>
          </a:p>
          <a:p>
            <a:pPr>
              <a:buClr>
                <a:schemeClr val="accent1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Adjust priorities quickly while keeping attention on the big picture</a:t>
            </a:r>
          </a:p>
          <a:p>
            <a:pPr>
              <a:buClr>
                <a:schemeClr val="accent1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Respond constructively to setbacks, reframing challenges as opportunities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6FB0EB33-E394-6C45-6152-078834FC8687}"/>
              </a:ext>
            </a:extLst>
          </p:cNvPr>
          <p:cNvGrpSpPr/>
          <p:nvPr/>
        </p:nvGrpSpPr>
        <p:grpSpPr>
          <a:xfrm>
            <a:off x="804956" y="1755553"/>
            <a:ext cx="3038288" cy="3549269"/>
            <a:chOff x="1128712" y="1108075"/>
            <a:chExt cx="698501" cy="815975"/>
          </a:xfrm>
        </p:grpSpPr>
        <p:sp>
          <p:nvSpPr>
            <p:cNvPr id="7" name="Line 235">
              <a:extLst>
                <a:ext uri="{FF2B5EF4-FFF2-40B4-BE49-F238E27FC236}">
                  <a16:creationId xmlns:a16="http://schemas.microsoft.com/office/drawing/2014/main" id="{36AC4049-0E4E-18F5-8301-19728C07DE74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506537" y="1168400"/>
              <a:ext cx="0" cy="0"/>
            </a:xfrm>
            <a:prstGeom prst="line">
              <a:avLst/>
            </a:pr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9" name="Freeform 236">
              <a:extLst>
                <a:ext uri="{FF2B5EF4-FFF2-40B4-BE49-F238E27FC236}">
                  <a16:creationId xmlns:a16="http://schemas.microsoft.com/office/drawing/2014/main" id="{4762965A-CB83-45D1-0CD3-8B71AF3C02A2}"/>
                </a:ext>
              </a:extLst>
            </p:cNvPr>
            <p:cNvSpPr>
              <a:spLocks/>
            </p:cNvSpPr>
            <p:nvPr/>
          </p:nvSpPr>
          <p:spPr bwMode="auto">
            <a:xfrm>
              <a:off x="1684337" y="1595437"/>
              <a:ext cx="112713" cy="114300"/>
            </a:xfrm>
            <a:custGeom>
              <a:avLst/>
              <a:gdLst>
                <a:gd name="T0" fmla="*/ 20 w 30"/>
                <a:gd name="T1" fmla="*/ 26 h 30"/>
                <a:gd name="T2" fmla="*/ 4 w 30"/>
                <a:gd name="T3" fmla="*/ 26 h 30"/>
                <a:gd name="T4" fmla="*/ 4 w 30"/>
                <a:gd name="T5" fmla="*/ 10 h 30"/>
                <a:gd name="T6" fmla="*/ 10 w 30"/>
                <a:gd name="T7" fmla="*/ 4 h 30"/>
                <a:gd name="T8" fmla="*/ 26 w 30"/>
                <a:gd name="T9" fmla="*/ 4 h 30"/>
                <a:gd name="T10" fmla="*/ 26 w 30"/>
                <a:gd name="T11" fmla="*/ 20 h 30"/>
                <a:gd name="T12" fmla="*/ 20 w 30"/>
                <a:gd name="T13" fmla="*/ 26 h 3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0" h="30">
                  <a:moveTo>
                    <a:pt x="20" y="26"/>
                  </a:moveTo>
                  <a:cubicBezTo>
                    <a:pt x="16" y="30"/>
                    <a:pt x="9" y="30"/>
                    <a:pt x="4" y="26"/>
                  </a:cubicBezTo>
                  <a:cubicBezTo>
                    <a:pt x="0" y="21"/>
                    <a:pt x="0" y="14"/>
                    <a:pt x="4" y="10"/>
                  </a:cubicBezTo>
                  <a:cubicBezTo>
                    <a:pt x="10" y="4"/>
                    <a:pt x="10" y="4"/>
                    <a:pt x="10" y="4"/>
                  </a:cubicBezTo>
                  <a:cubicBezTo>
                    <a:pt x="14" y="0"/>
                    <a:pt x="21" y="0"/>
                    <a:pt x="26" y="4"/>
                  </a:cubicBezTo>
                  <a:cubicBezTo>
                    <a:pt x="30" y="9"/>
                    <a:pt x="30" y="16"/>
                    <a:pt x="26" y="20"/>
                  </a:cubicBezTo>
                  <a:lnTo>
                    <a:pt x="20" y="26"/>
                  </a:lnTo>
                  <a:close/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0" name="Freeform 237">
              <a:extLst>
                <a:ext uri="{FF2B5EF4-FFF2-40B4-BE49-F238E27FC236}">
                  <a16:creationId xmlns:a16="http://schemas.microsoft.com/office/drawing/2014/main" id="{D7FBB1EA-1D88-8E6E-04D5-834E43E17B1C}"/>
                </a:ext>
              </a:extLst>
            </p:cNvPr>
            <p:cNvSpPr>
              <a:spLocks/>
            </p:cNvSpPr>
            <p:nvPr/>
          </p:nvSpPr>
          <p:spPr bwMode="auto">
            <a:xfrm>
              <a:off x="1668462" y="1482725"/>
              <a:ext cx="128588" cy="128588"/>
            </a:xfrm>
            <a:custGeom>
              <a:avLst/>
              <a:gdLst>
                <a:gd name="T0" fmla="*/ 20 w 34"/>
                <a:gd name="T1" fmla="*/ 30 h 34"/>
                <a:gd name="T2" fmla="*/ 4 w 34"/>
                <a:gd name="T3" fmla="*/ 30 h 34"/>
                <a:gd name="T4" fmla="*/ 4 w 34"/>
                <a:gd name="T5" fmla="*/ 14 h 34"/>
                <a:gd name="T6" fmla="*/ 14 w 34"/>
                <a:gd name="T7" fmla="*/ 4 h 34"/>
                <a:gd name="T8" fmla="*/ 30 w 34"/>
                <a:gd name="T9" fmla="*/ 4 h 34"/>
                <a:gd name="T10" fmla="*/ 30 w 34"/>
                <a:gd name="T11" fmla="*/ 20 h 34"/>
                <a:gd name="T12" fmla="*/ 20 w 34"/>
                <a:gd name="T13" fmla="*/ 30 h 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4" h="34">
                  <a:moveTo>
                    <a:pt x="20" y="30"/>
                  </a:moveTo>
                  <a:cubicBezTo>
                    <a:pt x="16" y="34"/>
                    <a:pt x="9" y="34"/>
                    <a:pt x="4" y="30"/>
                  </a:cubicBezTo>
                  <a:cubicBezTo>
                    <a:pt x="0" y="25"/>
                    <a:pt x="0" y="18"/>
                    <a:pt x="4" y="14"/>
                  </a:cubicBezTo>
                  <a:cubicBezTo>
                    <a:pt x="14" y="4"/>
                    <a:pt x="14" y="4"/>
                    <a:pt x="14" y="4"/>
                  </a:cubicBezTo>
                  <a:cubicBezTo>
                    <a:pt x="18" y="0"/>
                    <a:pt x="25" y="0"/>
                    <a:pt x="30" y="4"/>
                  </a:cubicBezTo>
                  <a:cubicBezTo>
                    <a:pt x="34" y="9"/>
                    <a:pt x="34" y="16"/>
                    <a:pt x="30" y="20"/>
                  </a:cubicBezTo>
                  <a:lnTo>
                    <a:pt x="20" y="30"/>
                  </a:lnTo>
                  <a:close/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1" name="Freeform 238">
              <a:extLst>
                <a:ext uri="{FF2B5EF4-FFF2-40B4-BE49-F238E27FC236}">
                  <a16:creationId xmlns:a16="http://schemas.microsoft.com/office/drawing/2014/main" id="{DBB59534-11EA-D301-06D7-EE152F12FA6E}"/>
                </a:ext>
              </a:extLst>
            </p:cNvPr>
            <p:cNvSpPr>
              <a:spLocks/>
            </p:cNvSpPr>
            <p:nvPr/>
          </p:nvSpPr>
          <p:spPr bwMode="auto">
            <a:xfrm>
              <a:off x="1654175" y="1362075"/>
              <a:ext cx="142875" cy="142875"/>
            </a:xfrm>
            <a:custGeom>
              <a:avLst/>
              <a:gdLst>
                <a:gd name="T0" fmla="*/ 20 w 38"/>
                <a:gd name="T1" fmla="*/ 34 h 38"/>
                <a:gd name="T2" fmla="*/ 4 w 38"/>
                <a:gd name="T3" fmla="*/ 34 h 38"/>
                <a:gd name="T4" fmla="*/ 4 w 38"/>
                <a:gd name="T5" fmla="*/ 18 h 38"/>
                <a:gd name="T6" fmla="*/ 18 w 38"/>
                <a:gd name="T7" fmla="*/ 4 h 38"/>
                <a:gd name="T8" fmla="*/ 34 w 38"/>
                <a:gd name="T9" fmla="*/ 4 h 38"/>
                <a:gd name="T10" fmla="*/ 34 w 38"/>
                <a:gd name="T11" fmla="*/ 20 h 38"/>
                <a:gd name="T12" fmla="*/ 20 w 38"/>
                <a:gd name="T13" fmla="*/ 34 h 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8" h="38">
                  <a:moveTo>
                    <a:pt x="20" y="34"/>
                  </a:moveTo>
                  <a:cubicBezTo>
                    <a:pt x="16" y="38"/>
                    <a:pt x="9" y="38"/>
                    <a:pt x="4" y="34"/>
                  </a:cubicBezTo>
                  <a:cubicBezTo>
                    <a:pt x="0" y="29"/>
                    <a:pt x="0" y="22"/>
                    <a:pt x="4" y="18"/>
                  </a:cubicBezTo>
                  <a:cubicBezTo>
                    <a:pt x="18" y="4"/>
                    <a:pt x="18" y="4"/>
                    <a:pt x="18" y="4"/>
                  </a:cubicBezTo>
                  <a:cubicBezTo>
                    <a:pt x="22" y="0"/>
                    <a:pt x="29" y="0"/>
                    <a:pt x="34" y="4"/>
                  </a:cubicBezTo>
                  <a:cubicBezTo>
                    <a:pt x="38" y="9"/>
                    <a:pt x="38" y="16"/>
                    <a:pt x="34" y="20"/>
                  </a:cubicBezTo>
                  <a:lnTo>
                    <a:pt x="20" y="34"/>
                  </a:lnTo>
                  <a:close/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2" name="Freeform 239">
              <a:extLst>
                <a:ext uri="{FF2B5EF4-FFF2-40B4-BE49-F238E27FC236}">
                  <a16:creationId xmlns:a16="http://schemas.microsoft.com/office/drawing/2014/main" id="{910FDF79-0834-5C66-7704-E3259936190D}"/>
                </a:ext>
              </a:extLst>
            </p:cNvPr>
            <p:cNvSpPr>
              <a:spLocks/>
            </p:cNvSpPr>
            <p:nvPr/>
          </p:nvSpPr>
          <p:spPr bwMode="auto">
            <a:xfrm>
              <a:off x="1701800" y="1179512"/>
              <a:ext cx="125413" cy="185738"/>
            </a:xfrm>
            <a:custGeom>
              <a:avLst/>
              <a:gdLst>
                <a:gd name="T0" fmla="*/ 0 w 33"/>
                <a:gd name="T1" fmla="*/ 49 h 49"/>
                <a:gd name="T2" fmla="*/ 29 w 33"/>
                <a:gd name="T3" fmla="*/ 20 h 49"/>
                <a:gd name="T4" fmla="*/ 29 w 33"/>
                <a:gd name="T5" fmla="*/ 4 h 49"/>
                <a:gd name="T6" fmla="*/ 13 w 33"/>
                <a:gd name="T7" fmla="*/ 4 h 49"/>
                <a:gd name="T8" fmla="*/ 0 w 33"/>
                <a:gd name="T9" fmla="*/ 17 h 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3" h="49">
                  <a:moveTo>
                    <a:pt x="0" y="49"/>
                  </a:moveTo>
                  <a:cubicBezTo>
                    <a:pt x="29" y="20"/>
                    <a:pt x="29" y="20"/>
                    <a:pt x="29" y="20"/>
                  </a:cubicBezTo>
                  <a:cubicBezTo>
                    <a:pt x="33" y="16"/>
                    <a:pt x="33" y="9"/>
                    <a:pt x="29" y="4"/>
                  </a:cubicBezTo>
                  <a:cubicBezTo>
                    <a:pt x="24" y="0"/>
                    <a:pt x="17" y="0"/>
                    <a:pt x="13" y="4"/>
                  </a:cubicBezTo>
                  <a:cubicBezTo>
                    <a:pt x="0" y="17"/>
                    <a:pt x="0" y="17"/>
                    <a:pt x="0" y="17"/>
                  </a:cubicBez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3" name="Line 240">
              <a:extLst>
                <a:ext uri="{FF2B5EF4-FFF2-40B4-BE49-F238E27FC236}">
                  <a16:creationId xmlns:a16="http://schemas.microsoft.com/office/drawing/2014/main" id="{4AC2A82F-5133-6D4D-AE87-3A4BE4D67067}"/>
                </a:ext>
              </a:extLst>
            </p:cNvPr>
            <p:cNvSpPr>
              <a:spLocks noChangeShapeType="1"/>
            </p:cNvSpPr>
            <p:nvPr/>
          </p:nvSpPr>
          <p:spPr bwMode="auto">
            <a:xfrm flipH="1">
              <a:off x="1476375" y="1712912"/>
              <a:ext cx="60325" cy="0"/>
            </a:xfrm>
            <a:prstGeom prst="line">
              <a:avLst/>
            </a:pr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4" name="Freeform 241">
              <a:extLst>
                <a:ext uri="{FF2B5EF4-FFF2-40B4-BE49-F238E27FC236}">
                  <a16:creationId xmlns:a16="http://schemas.microsoft.com/office/drawing/2014/main" id="{2228E304-904F-1C90-2AF1-6AC4063D583B}"/>
                </a:ext>
              </a:extLst>
            </p:cNvPr>
            <p:cNvSpPr>
              <a:spLocks/>
            </p:cNvSpPr>
            <p:nvPr/>
          </p:nvSpPr>
          <p:spPr bwMode="auto">
            <a:xfrm>
              <a:off x="1128712" y="1258887"/>
              <a:ext cx="241300" cy="484188"/>
            </a:xfrm>
            <a:custGeom>
              <a:avLst/>
              <a:gdLst>
                <a:gd name="T0" fmla="*/ 48 w 64"/>
                <a:gd name="T1" fmla="*/ 80 h 128"/>
                <a:gd name="T2" fmla="*/ 47 w 64"/>
                <a:gd name="T3" fmla="*/ 3 h 128"/>
                <a:gd name="T4" fmla="*/ 35 w 64"/>
                <a:gd name="T5" fmla="*/ 9 h 128"/>
                <a:gd name="T6" fmla="*/ 17 w 64"/>
                <a:gd name="T7" fmla="*/ 62 h 128"/>
                <a:gd name="T8" fmla="*/ 8 w 64"/>
                <a:gd name="T9" fmla="*/ 90 h 128"/>
                <a:gd name="T10" fmla="*/ 8 w 64"/>
                <a:gd name="T11" fmla="*/ 110 h 128"/>
                <a:gd name="T12" fmla="*/ 1 w 64"/>
                <a:gd name="T13" fmla="*/ 127 h 128"/>
                <a:gd name="T14" fmla="*/ 0 w 64"/>
                <a:gd name="T15" fmla="*/ 128 h 1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64" h="128">
                  <a:moveTo>
                    <a:pt x="48" y="80"/>
                  </a:moveTo>
                  <a:cubicBezTo>
                    <a:pt x="60" y="44"/>
                    <a:pt x="64" y="12"/>
                    <a:pt x="47" y="3"/>
                  </a:cubicBezTo>
                  <a:cubicBezTo>
                    <a:pt x="42" y="0"/>
                    <a:pt x="36" y="4"/>
                    <a:pt x="35" y="9"/>
                  </a:cubicBezTo>
                  <a:cubicBezTo>
                    <a:pt x="33" y="35"/>
                    <a:pt x="24" y="52"/>
                    <a:pt x="17" y="62"/>
                  </a:cubicBezTo>
                  <a:cubicBezTo>
                    <a:pt x="11" y="70"/>
                    <a:pt x="8" y="80"/>
                    <a:pt x="8" y="90"/>
                  </a:cubicBezTo>
                  <a:cubicBezTo>
                    <a:pt x="8" y="110"/>
                    <a:pt x="8" y="110"/>
                    <a:pt x="8" y="110"/>
                  </a:cubicBezTo>
                  <a:cubicBezTo>
                    <a:pt x="8" y="116"/>
                    <a:pt x="5" y="123"/>
                    <a:pt x="1" y="127"/>
                  </a:cubicBezTo>
                  <a:cubicBezTo>
                    <a:pt x="0" y="128"/>
                    <a:pt x="0" y="128"/>
                    <a:pt x="0" y="128"/>
                  </a:cubicBez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5" name="Freeform 242">
              <a:extLst>
                <a:ext uri="{FF2B5EF4-FFF2-40B4-BE49-F238E27FC236}">
                  <a16:creationId xmlns:a16="http://schemas.microsoft.com/office/drawing/2014/main" id="{97655B32-627C-9ACE-A2B7-16D3A0AAF8BF}"/>
                </a:ext>
              </a:extLst>
            </p:cNvPr>
            <p:cNvSpPr>
              <a:spLocks/>
            </p:cNvSpPr>
            <p:nvPr/>
          </p:nvSpPr>
          <p:spPr bwMode="auto">
            <a:xfrm>
              <a:off x="1309687" y="1108075"/>
              <a:ext cx="392113" cy="695325"/>
            </a:xfrm>
            <a:custGeom>
              <a:avLst/>
              <a:gdLst>
                <a:gd name="T0" fmla="*/ 104 w 104"/>
                <a:gd name="T1" fmla="*/ 76 h 184"/>
                <a:gd name="T2" fmla="*/ 104 w 104"/>
                <a:gd name="T3" fmla="*/ 16 h 184"/>
                <a:gd name="T4" fmla="*/ 88 w 104"/>
                <a:gd name="T5" fmla="*/ 0 h 184"/>
                <a:gd name="T6" fmla="*/ 16 w 104"/>
                <a:gd name="T7" fmla="*/ 0 h 184"/>
                <a:gd name="T8" fmla="*/ 0 w 104"/>
                <a:gd name="T9" fmla="*/ 16 h 184"/>
                <a:gd name="T10" fmla="*/ 0 w 104"/>
                <a:gd name="T11" fmla="*/ 43 h 184"/>
                <a:gd name="T12" fmla="*/ 0 w 104"/>
                <a:gd name="T13" fmla="*/ 120 h 184"/>
                <a:gd name="T14" fmla="*/ 0 w 104"/>
                <a:gd name="T15" fmla="*/ 168 h 184"/>
                <a:gd name="T16" fmla="*/ 16 w 104"/>
                <a:gd name="T17" fmla="*/ 184 h 184"/>
                <a:gd name="T18" fmla="*/ 81 w 104"/>
                <a:gd name="T19" fmla="*/ 184 h 184"/>
                <a:gd name="T20" fmla="*/ 88 w 104"/>
                <a:gd name="T21" fmla="*/ 184 h 184"/>
                <a:gd name="T22" fmla="*/ 104 w 104"/>
                <a:gd name="T23" fmla="*/ 168 h 184"/>
                <a:gd name="T24" fmla="*/ 104 w 104"/>
                <a:gd name="T25" fmla="*/ 155 h 1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104" h="184">
                  <a:moveTo>
                    <a:pt x="104" y="76"/>
                  </a:moveTo>
                  <a:cubicBezTo>
                    <a:pt x="104" y="16"/>
                    <a:pt x="104" y="16"/>
                    <a:pt x="104" y="16"/>
                  </a:cubicBezTo>
                  <a:cubicBezTo>
                    <a:pt x="104" y="7"/>
                    <a:pt x="97" y="0"/>
                    <a:pt x="88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7" y="0"/>
                    <a:pt x="0" y="7"/>
                    <a:pt x="0" y="16"/>
                  </a:cubicBezTo>
                  <a:cubicBezTo>
                    <a:pt x="0" y="43"/>
                    <a:pt x="0" y="43"/>
                    <a:pt x="0" y="43"/>
                  </a:cubicBezTo>
                  <a:cubicBezTo>
                    <a:pt x="15" y="54"/>
                    <a:pt x="12" y="85"/>
                    <a:pt x="0" y="120"/>
                  </a:cubicBezTo>
                  <a:cubicBezTo>
                    <a:pt x="0" y="168"/>
                    <a:pt x="0" y="168"/>
                    <a:pt x="0" y="168"/>
                  </a:cubicBezTo>
                  <a:cubicBezTo>
                    <a:pt x="0" y="177"/>
                    <a:pt x="7" y="184"/>
                    <a:pt x="16" y="184"/>
                  </a:cubicBezTo>
                  <a:cubicBezTo>
                    <a:pt x="81" y="184"/>
                    <a:pt x="81" y="184"/>
                    <a:pt x="81" y="184"/>
                  </a:cubicBezTo>
                  <a:cubicBezTo>
                    <a:pt x="88" y="184"/>
                    <a:pt x="88" y="184"/>
                    <a:pt x="88" y="184"/>
                  </a:cubicBezTo>
                  <a:cubicBezTo>
                    <a:pt x="97" y="184"/>
                    <a:pt x="104" y="177"/>
                    <a:pt x="104" y="168"/>
                  </a:cubicBezTo>
                  <a:cubicBezTo>
                    <a:pt x="104" y="155"/>
                    <a:pt x="104" y="155"/>
                    <a:pt x="104" y="155"/>
                  </a:cubicBez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6" name="Freeform 243">
              <a:extLst>
                <a:ext uri="{FF2B5EF4-FFF2-40B4-BE49-F238E27FC236}">
                  <a16:creationId xmlns:a16="http://schemas.microsoft.com/office/drawing/2014/main" id="{20584DD7-9264-47DA-57F8-DCE305D5C681}"/>
                </a:ext>
              </a:extLst>
            </p:cNvPr>
            <p:cNvSpPr>
              <a:spLocks/>
            </p:cNvSpPr>
            <p:nvPr/>
          </p:nvSpPr>
          <p:spPr bwMode="auto">
            <a:xfrm>
              <a:off x="1355725" y="1803400"/>
              <a:ext cx="225425" cy="120650"/>
            </a:xfrm>
            <a:custGeom>
              <a:avLst/>
              <a:gdLst>
                <a:gd name="T0" fmla="*/ 60 w 60"/>
                <a:gd name="T1" fmla="*/ 0 h 32"/>
                <a:gd name="T2" fmla="*/ 16 w 60"/>
                <a:gd name="T3" fmla="*/ 24 h 32"/>
                <a:gd name="T4" fmla="*/ 2 w 60"/>
                <a:gd name="T5" fmla="*/ 30 h 32"/>
                <a:gd name="T6" fmla="*/ 0 w 60"/>
                <a:gd name="T7" fmla="*/ 3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60" h="32">
                  <a:moveTo>
                    <a:pt x="60" y="0"/>
                  </a:moveTo>
                  <a:cubicBezTo>
                    <a:pt x="49" y="13"/>
                    <a:pt x="34" y="21"/>
                    <a:pt x="16" y="24"/>
                  </a:cubicBezTo>
                  <a:cubicBezTo>
                    <a:pt x="11" y="24"/>
                    <a:pt x="6" y="26"/>
                    <a:pt x="2" y="30"/>
                  </a:cubicBezTo>
                  <a:cubicBezTo>
                    <a:pt x="0" y="32"/>
                    <a:pt x="0" y="32"/>
                    <a:pt x="0" y="32"/>
                  </a:cubicBez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7" name="Freeform 244">
              <a:extLst>
                <a:ext uri="{FF2B5EF4-FFF2-40B4-BE49-F238E27FC236}">
                  <a16:creationId xmlns:a16="http://schemas.microsoft.com/office/drawing/2014/main" id="{30ADDB63-1BDF-4CA0-0008-B6B3CB64372A}"/>
                </a:ext>
              </a:extLst>
            </p:cNvPr>
            <p:cNvSpPr>
              <a:spLocks/>
            </p:cNvSpPr>
            <p:nvPr/>
          </p:nvSpPr>
          <p:spPr bwMode="auto">
            <a:xfrm>
              <a:off x="1430337" y="1258887"/>
              <a:ext cx="150813" cy="152400"/>
            </a:xfrm>
            <a:custGeom>
              <a:avLst/>
              <a:gdLst>
                <a:gd name="T0" fmla="*/ 40 w 40"/>
                <a:gd name="T1" fmla="*/ 28 h 40"/>
                <a:gd name="T2" fmla="*/ 40 w 40"/>
                <a:gd name="T3" fmla="*/ 36 h 40"/>
                <a:gd name="T4" fmla="*/ 36 w 40"/>
                <a:gd name="T5" fmla="*/ 40 h 40"/>
                <a:gd name="T6" fmla="*/ 4 w 40"/>
                <a:gd name="T7" fmla="*/ 40 h 40"/>
                <a:gd name="T8" fmla="*/ 0 w 40"/>
                <a:gd name="T9" fmla="*/ 36 h 40"/>
                <a:gd name="T10" fmla="*/ 0 w 40"/>
                <a:gd name="T11" fmla="*/ 4 h 40"/>
                <a:gd name="T12" fmla="*/ 4 w 40"/>
                <a:gd name="T13" fmla="*/ 0 h 40"/>
                <a:gd name="T14" fmla="*/ 28 w 40"/>
                <a:gd name="T15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40" h="40">
                  <a:moveTo>
                    <a:pt x="40" y="28"/>
                  </a:moveTo>
                  <a:cubicBezTo>
                    <a:pt x="40" y="36"/>
                    <a:pt x="40" y="36"/>
                    <a:pt x="40" y="36"/>
                  </a:cubicBezTo>
                  <a:cubicBezTo>
                    <a:pt x="40" y="38"/>
                    <a:pt x="38" y="40"/>
                    <a:pt x="36" y="40"/>
                  </a:cubicBezTo>
                  <a:cubicBezTo>
                    <a:pt x="4" y="40"/>
                    <a:pt x="4" y="40"/>
                    <a:pt x="4" y="40"/>
                  </a:cubicBezTo>
                  <a:cubicBezTo>
                    <a:pt x="2" y="40"/>
                    <a:pt x="0" y="38"/>
                    <a:pt x="0" y="3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2" y="0"/>
                    <a:pt x="4" y="0"/>
                  </a:cubicBezTo>
                  <a:cubicBezTo>
                    <a:pt x="28" y="0"/>
                    <a:pt x="28" y="0"/>
                    <a:pt x="28" y="0"/>
                  </a:cubicBez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8" name="Freeform 245">
              <a:extLst>
                <a:ext uri="{FF2B5EF4-FFF2-40B4-BE49-F238E27FC236}">
                  <a16:creationId xmlns:a16="http://schemas.microsoft.com/office/drawing/2014/main" id="{5691343A-4F12-EF20-86EF-6AA5D4CF1D38}"/>
                </a:ext>
              </a:extLst>
            </p:cNvPr>
            <p:cNvSpPr>
              <a:spLocks/>
            </p:cNvSpPr>
            <p:nvPr/>
          </p:nvSpPr>
          <p:spPr bwMode="auto">
            <a:xfrm>
              <a:off x="1490662" y="1258887"/>
              <a:ext cx="120650" cy="92075"/>
            </a:xfrm>
            <a:custGeom>
              <a:avLst/>
              <a:gdLst>
                <a:gd name="T0" fmla="*/ 76 w 76"/>
                <a:gd name="T1" fmla="*/ 0 h 58"/>
                <a:gd name="T2" fmla="*/ 57 w 76"/>
                <a:gd name="T3" fmla="*/ 19 h 58"/>
                <a:gd name="T4" fmla="*/ 19 w 76"/>
                <a:gd name="T5" fmla="*/ 58 h 58"/>
                <a:gd name="T6" fmla="*/ 0 w 76"/>
                <a:gd name="T7" fmla="*/ 39 h 5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6" h="58">
                  <a:moveTo>
                    <a:pt x="76" y="0"/>
                  </a:moveTo>
                  <a:lnTo>
                    <a:pt x="57" y="19"/>
                  </a:lnTo>
                  <a:lnTo>
                    <a:pt x="19" y="58"/>
                  </a:lnTo>
                  <a:lnTo>
                    <a:pt x="0" y="39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19" name="Freeform 246">
              <a:extLst>
                <a:ext uri="{FF2B5EF4-FFF2-40B4-BE49-F238E27FC236}">
                  <a16:creationId xmlns:a16="http://schemas.microsoft.com/office/drawing/2014/main" id="{03870C06-8A29-BAC8-0CC5-E9DD849BC70D}"/>
                </a:ext>
              </a:extLst>
            </p:cNvPr>
            <p:cNvSpPr>
              <a:spLocks/>
            </p:cNvSpPr>
            <p:nvPr/>
          </p:nvSpPr>
          <p:spPr bwMode="auto">
            <a:xfrm>
              <a:off x="1430337" y="1471612"/>
              <a:ext cx="150813" cy="150813"/>
            </a:xfrm>
            <a:custGeom>
              <a:avLst/>
              <a:gdLst>
                <a:gd name="T0" fmla="*/ 40 w 40"/>
                <a:gd name="T1" fmla="*/ 28 h 40"/>
                <a:gd name="T2" fmla="*/ 40 w 40"/>
                <a:gd name="T3" fmla="*/ 36 h 40"/>
                <a:gd name="T4" fmla="*/ 36 w 40"/>
                <a:gd name="T5" fmla="*/ 40 h 40"/>
                <a:gd name="T6" fmla="*/ 4 w 40"/>
                <a:gd name="T7" fmla="*/ 40 h 40"/>
                <a:gd name="T8" fmla="*/ 0 w 40"/>
                <a:gd name="T9" fmla="*/ 36 h 40"/>
                <a:gd name="T10" fmla="*/ 0 w 40"/>
                <a:gd name="T11" fmla="*/ 4 h 40"/>
                <a:gd name="T12" fmla="*/ 4 w 40"/>
                <a:gd name="T13" fmla="*/ 0 h 40"/>
                <a:gd name="T14" fmla="*/ 28 w 40"/>
                <a:gd name="T15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40" h="40">
                  <a:moveTo>
                    <a:pt x="40" y="28"/>
                  </a:moveTo>
                  <a:cubicBezTo>
                    <a:pt x="40" y="36"/>
                    <a:pt x="40" y="36"/>
                    <a:pt x="40" y="36"/>
                  </a:cubicBezTo>
                  <a:cubicBezTo>
                    <a:pt x="40" y="38"/>
                    <a:pt x="38" y="40"/>
                    <a:pt x="36" y="40"/>
                  </a:cubicBezTo>
                  <a:cubicBezTo>
                    <a:pt x="4" y="40"/>
                    <a:pt x="4" y="40"/>
                    <a:pt x="4" y="40"/>
                  </a:cubicBezTo>
                  <a:cubicBezTo>
                    <a:pt x="2" y="40"/>
                    <a:pt x="0" y="38"/>
                    <a:pt x="0" y="3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2" y="0"/>
                    <a:pt x="4" y="0"/>
                  </a:cubicBezTo>
                  <a:cubicBezTo>
                    <a:pt x="28" y="0"/>
                    <a:pt x="28" y="0"/>
                    <a:pt x="28" y="0"/>
                  </a:cubicBez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0" name="Freeform 247">
              <a:extLst>
                <a:ext uri="{FF2B5EF4-FFF2-40B4-BE49-F238E27FC236}">
                  <a16:creationId xmlns:a16="http://schemas.microsoft.com/office/drawing/2014/main" id="{157EDBC7-6D21-E93A-4E8F-CF09410C0E11}"/>
                </a:ext>
              </a:extLst>
            </p:cNvPr>
            <p:cNvSpPr>
              <a:spLocks/>
            </p:cNvSpPr>
            <p:nvPr/>
          </p:nvSpPr>
          <p:spPr bwMode="auto">
            <a:xfrm>
              <a:off x="1490662" y="1471612"/>
              <a:ext cx="120650" cy="90488"/>
            </a:xfrm>
            <a:custGeom>
              <a:avLst/>
              <a:gdLst>
                <a:gd name="T0" fmla="*/ 76 w 76"/>
                <a:gd name="T1" fmla="*/ 0 h 57"/>
                <a:gd name="T2" fmla="*/ 57 w 76"/>
                <a:gd name="T3" fmla="*/ 19 h 57"/>
                <a:gd name="T4" fmla="*/ 19 w 76"/>
                <a:gd name="T5" fmla="*/ 57 h 57"/>
                <a:gd name="T6" fmla="*/ 0 w 76"/>
                <a:gd name="T7" fmla="*/ 38 h 5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6" h="57">
                  <a:moveTo>
                    <a:pt x="76" y="0"/>
                  </a:moveTo>
                  <a:lnTo>
                    <a:pt x="57" y="19"/>
                  </a:lnTo>
                  <a:lnTo>
                    <a:pt x="19" y="57"/>
                  </a:lnTo>
                  <a:lnTo>
                    <a:pt x="0" y="38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18958067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0B9ED23-1A8F-AE66-A530-34AC673DD6C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30CF9B52-6A9A-2111-15C5-28E16E3815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8" name="Isosceles Triangle 7">
            <a:extLst>
              <a:ext uri="{FF2B5EF4-FFF2-40B4-BE49-F238E27FC236}">
                <a16:creationId xmlns:a16="http://schemas.microsoft.com/office/drawing/2014/main" id="{C3FD2FBB-5E8E-ED9B-04D1-0D4310B23DC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white">
          <a:xfrm flipH="1">
            <a:off x="0" y="0"/>
            <a:ext cx="4648200" cy="6832600"/>
          </a:xfrm>
          <a:prstGeom prst="triangle">
            <a:avLst>
              <a:gd name="adj" fmla="val 100000"/>
            </a:avLst>
          </a:prstGeom>
          <a:solidFill>
            <a:schemeClr val="tx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35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A0FA57B-B6F1-AD24-DA4A-C37200A9C1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Partnership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B11D25-374F-0B39-FF97-2E289F60324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267200" y="2133600"/>
            <a:ext cx="6485363" cy="3540035"/>
          </a:xfrm>
        </p:spPr>
        <p:txBody>
          <a:bodyPr>
            <a:normAutofit/>
          </a:bodyPr>
          <a:lstStyle/>
          <a:p>
            <a:pPr>
              <a:buClr>
                <a:schemeClr val="tx2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Actively seek input from others before making key decisions</a:t>
            </a:r>
          </a:p>
          <a:p>
            <a:pPr>
              <a:buClr>
                <a:schemeClr val="tx2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Create a climate of trust and collaboration during uncertain times</a:t>
            </a:r>
          </a:p>
          <a:p>
            <a:pPr>
              <a:buClr>
                <a:schemeClr val="tx2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Build shared ownership of challenges and solutions</a:t>
            </a:r>
          </a:p>
          <a:p>
            <a:pPr marL="0" indent="0">
              <a:buNone/>
            </a:pPr>
            <a:endParaRPr lang="en-US" dirty="0"/>
          </a:p>
        </p:txBody>
      </p:sp>
      <p:grpSp>
        <p:nvGrpSpPr>
          <p:cNvPr id="6" name="Graphic 2">
            <a:extLst>
              <a:ext uri="{FF2B5EF4-FFF2-40B4-BE49-F238E27FC236}">
                <a16:creationId xmlns:a16="http://schemas.microsoft.com/office/drawing/2014/main" id="{D2971A7F-5B20-9E41-81A5-00B4E7631A7B}"/>
              </a:ext>
            </a:extLst>
          </p:cNvPr>
          <p:cNvGrpSpPr/>
          <p:nvPr/>
        </p:nvGrpSpPr>
        <p:grpSpPr>
          <a:xfrm>
            <a:off x="981309" y="2000715"/>
            <a:ext cx="2904891" cy="2904891"/>
            <a:chOff x="7501931" y="4561952"/>
            <a:chExt cx="1130439" cy="1130439"/>
          </a:xfrm>
          <a:noFill/>
        </p:grpSpPr>
        <p:sp>
          <p:nvSpPr>
            <p:cNvPr id="7" name="Freeform: Shape 6">
              <a:extLst>
                <a:ext uri="{FF2B5EF4-FFF2-40B4-BE49-F238E27FC236}">
                  <a16:creationId xmlns:a16="http://schemas.microsoft.com/office/drawing/2014/main" id="{CB068729-D4E8-90DB-2C39-2CD323C0AF2A}"/>
                </a:ext>
              </a:extLst>
            </p:cNvPr>
            <p:cNvSpPr/>
            <p:nvPr/>
          </p:nvSpPr>
          <p:spPr>
            <a:xfrm>
              <a:off x="7885602" y="4959754"/>
              <a:ext cx="253105" cy="189122"/>
            </a:xfrm>
            <a:custGeom>
              <a:avLst/>
              <a:gdLst>
                <a:gd name="connsiteX0" fmla="*/ 239879 w 253105"/>
                <a:gd name="connsiteY0" fmla="*/ 77209 h 189122"/>
                <a:gd name="connsiteX1" fmla="*/ 239879 w 253105"/>
                <a:gd name="connsiteY1" fmla="*/ 13226 h 189122"/>
                <a:gd name="connsiteX2" fmla="*/ 175896 w 253105"/>
                <a:gd name="connsiteY2" fmla="*/ 13226 h 189122"/>
                <a:gd name="connsiteX3" fmla="*/ 0 w 253105"/>
                <a:gd name="connsiteY3" fmla="*/ 189122 h 1891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3105" h="189122">
                  <a:moveTo>
                    <a:pt x="239879" y="77209"/>
                  </a:moveTo>
                  <a:cubicBezTo>
                    <a:pt x="257514" y="59575"/>
                    <a:pt x="257514" y="30861"/>
                    <a:pt x="239879" y="13226"/>
                  </a:cubicBezTo>
                  <a:cubicBezTo>
                    <a:pt x="222244" y="-4409"/>
                    <a:pt x="193531" y="-4409"/>
                    <a:pt x="175896" y="13226"/>
                  </a:cubicBezTo>
                  <a:lnTo>
                    <a:pt x="0" y="189122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27BA2F8A-B907-5DC9-36CF-7ADF1CDDE130}"/>
                </a:ext>
              </a:extLst>
            </p:cNvPr>
            <p:cNvSpPr/>
            <p:nvPr/>
          </p:nvSpPr>
          <p:spPr>
            <a:xfrm>
              <a:off x="7965411" y="4991632"/>
              <a:ext cx="269157" cy="269157"/>
            </a:xfrm>
            <a:custGeom>
              <a:avLst/>
              <a:gdLst>
                <a:gd name="connsiteX0" fmla="*/ 63983 w 269157"/>
                <a:gd name="connsiteY0" fmla="*/ 269158 h 269157"/>
                <a:gd name="connsiteX1" fmla="*/ 255932 w 269157"/>
                <a:gd name="connsiteY1" fmla="*/ 77209 h 269157"/>
                <a:gd name="connsiteX2" fmla="*/ 255932 w 269157"/>
                <a:gd name="connsiteY2" fmla="*/ 13226 h 269157"/>
                <a:gd name="connsiteX3" fmla="*/ 191949 w 269157"/>
                <a:gd name="connsiteY3" fmla="*/ 13226 h 269157"/>
                <a:gd name="connsiteX4" fmla="*/ 0 w 269157"/>
                <a:gd name="connsiteY4" fmla="*/ 205175 h 2691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9157" h="269157">
                  <a:moveTo>
                    <a:pt x="63983" y="269158"/>
                  </a:moveTo>
                  <a:lnTo>
                    <a:pt x="255932" y="77209"/>
                  </a:lnTo>
                  <a:cubicBezTo>
                    <a:pt x="273566" y="59575"/>
                    <a:pt x="273566" y="30861"/>
                    <a:pt x="255932" y="13226"/>
                  </a:cubicBezTo>
                  <a:cubicBezTo>
                    <a:pt x="238296" y="-4409"/>
                    <a:pt x="209584" y="-4409"/>
                    <a:pt x="191949" y="13226"/>
                  </a:cubicBezTo>
                  <a:lnTo>
                    <a:pt x="0" y="205175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32376E27-5A18-22ED-7855-2B6F312AAB74}"/>
                </a:ext>
              </a:extLst>
            </p:cNvPr>
            <p:cNvSpPr/>
            <p:nvPr/>
          </p:nvSpPr>
          <p:spPr>
            <a:xfrm>
              <a:off x="7501931" y="5366090"/>
              <a:ext cx="326075" cy="326075"/>
            </a:xfrm>
            <a:custGeom>
              <a:avLst/>
              <a:gdLst>
                <a:gd name="connsiteX0" fmla="*/ 0 w 326075"/>
                <a:gd name="connsiteY0" fmla="*/ 38491 h 326075"/>
                <a:gd name="connsiteX1" fmla="*/ 31878 w 326075"/>
                <a:gd name="connsiteY1" fmla="*/ 6613 h 326075"/>
                <a:gd name="connsiteX2" fmla="*/ 63757 w 326075"/>
                <a:gd name="connsiteY2" fmla="*/ 6613 h 326075"/>
                <a:gd name="connsiteX3" fmla="*/ 319462 w 326075"/>
                <a:gd name="connsiteY3" fmla="*/ 262319 h 326075"/>
                <a:gd name="connsiteX4" fmla="*/ 319462 w 326075"/>
                <a:gd name="connsiteY4" fmla="*/ 294197 h 326075"/>
                <a:gd name="connsiteX5" fmla="*/ 287584 w 326075"/>
                <a:gd name="connsiteY5" fmla="*/ 326075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0" y="38491"/>
                  </a:moveTo>
                  <a:lnTo>
                    <a:pt x="31878" y="6613"/>
                  </a:lnTo>
                  <a:cubicBezTo>
                    <a:pt x="40696" y="-2204"/>
                    <a:pt x="54939" y="-2204"/>
                    <a:pt x="63757" y="6613"/>
                  </a:cubicBezTo>
                  <a:lnTo>
                    <a:pt x="319462" y="262319"/>
                  </a:lnTo>
                  <a:cubicBezTo>
                    <a:pt x="328280" y="271136"/>
                    <a:pt x="328280" y="285380"/>
                    <a:pt x="319462" y="294197"/>
                  </a:cubicBezTo>
                  <a:lnTo>
                    <a:pt x="287584" y="326075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6EEEBEB6-29B5-8F08-5776-FFB4E1316B11}"/>
                </a:ext>
              </a:extLst>
            </p:cNvPr>
            <p:cNvSpPr/>
            <p:nvPr/>
          </p:nvSpPr>
          <p:spPr>
            <a:xfrm>
              <a:off x="7581740" y="4960215"/>
              <a:ext cx="428771" cy="428314"/>
            </a:xfrm>
            <a:custGeom>
              <a:avLst/>
              <a:gdLst>
                <a:gd name="connsiteX0" fmla="*/ 0 w 428771"/>
                <a:gd name="connsiteY0" fmla="*/ 428315 h 428314"/>
                <a:gd name="connsiteX1" fmla="*/ 22609 w 428771"/>
                <a:gd name="connsiteY1" fmla="*/ 405706 h 428314"/>
                <a:gd name="connsiteX2" fmla="*/ 34818 w 428771"/>
                <a:gd name="connsiteY2" fmla="*/ 383549 h 428314"/>
                <a:gd name="connsiteX3" fmla="*/ 38661 w 428771"/>
                <a:gd name="connsiteY3" fmla="*/ 365689 h 428314"/>
                <a:gd name="connsiteX4" fmla="*/ 87270 w 428771"/>
                <a:gd name="connsiteY4" fmla="*/ 277062 h 428314"/>
                <a:gd name="connsiteX5" fmla="*/ 349758 w 428771"/>
                <a:gd name="connsiteY5" fmla="*/ 14574 h 428314"/>
                <a:gd name="connsiteX6" fmla="*/ 409671 w 428771"/>
                <a:gd name="connsiteY6" fmla="*/ 8017 h 428314"/>
                <a:gd name="connsiteX7" fmla="*/ 415550 w 428771"/>
                <a:gd name="connsiteY7" fmla="*/ 76974 h 4283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428771" h="428314">
                  <a:moveTo>
                    <a:pt x="0" y="428315"/>
                  </a:moveTo>
                  <a:lnTo>
                    <a:pt x="22609" y="405706"/>
                  </a:lnTo>
                  <a:cubicBezTo>
                    <a:pt x="28713" y="399602"/>
                    <a:pt x="33009" y="391915"/>
                    <a:pt x="34818" y="383549"/>
                  </a:cubicBezTo>
                  <a:lnTo>
                    <a:pt x="38661" y="365689"/>
                  </a:lnTo>
                  <a:cubicBezTo>
                    <a:pt x="46122" y="332001"/>
                    <a:pt x="63079" y="301254"/>
                    <a:pt x="87270" y="277062"/>
                  </a:cubicBezTo>
                  <a:lnTo>
                    <a:pt x="349758" y="14574"/>
                  </a:lnTo>
                  <a:cubicBezTo>
                    <a:pt x="365584" y="-1252"/>
                    <a:pt x="391358" y="-5322"/>
                    <a:pt x="409671" y="8017"/>
                  </a:cubicBezTo>
                  <a:cubicBezTo>
                    <a:pt x="432958" y="24748"/>
                    <a:pt x="434993" y="57531"/>
                    <a:pt x="415550" y="76974"/>
                  </a:cubicBez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550505-F533-62AB-413E-C2EAD7C2E482}"/>
                </a:ext>
              </a:extLst>
            </p:cNvPr>
            <p:cNvSpPr/>
            <p:nvPr/>
          </p:nvSpPr>
          <p:spPr>
            <a:xfrm>
              <a:off x="7805566" y="5087497"/>
              <a:ext cx="460645" cy="524859"/>
            </a:xfrm>
            <a:custGeom>
              <a:avLst/>
              <a:gdLst>
                <a:gd name="connsiteX0" fmla="*/ 0 w 460645"/>
                <a:gd name="connsiteY0" fmla="*/ 524859 h 524859"/>
                <a:gd name="connsiteX1" fmla="*/ 146053 w 460645"/>
                <a:gd name="connsiteY1" fmla="*/ 495694 h 524859"/>
                <a:gd name="connsiteX2" fmla="*/ 173183 w 460645"/>
                <a:gd name="connsiteY2" fmla="*/ 488459 h 524859"/>
                <a:gd name="connsiteX3" fmla="*/ 447654 w 460645"/>
                <a:gd name="connsiteY3" fmla="*/ 396893 h 524859"/>
                <a:gd name="connsiteX4" fmla="*/ 437706 w 460645"/>
                <a:gd name="connsiteY4" fmla="*/ 367050 h 524859"/>
                <a:gd name="connsiteX5" fmla="*/ 346819 w 460645"/>
                <a:gd name="connsiteY5" fmla="*/ 312563 h 524859"/>
                <a:gd name="connsiteX6" fmla="*/ 235358 w 460645"/>
                <a:gd name="connsiteY6" fmla="*/ 331102 h 524859"/>
                <a:gd name="connsiteX7" fmla="*/ 215688 w 460645"/>
                <a:gd name="connsiteY7" fmla="*/ 324771 h 524859"/>
                <a:gd name="connsiteX8" fmla="*/ 208001 w 460645"/>
                <a:gd name="connsiteY8" fmla="*/ 317084 h 524859"/>
                <a:gd name="connsiteX9" fmla="*/ 446072 w 460645"/>
                <a:gd name="connsiteY9" fmla="*/ 79014 h 524859"/>
                <a:gd name="connsiteX10" fmla="*/ 452628 w 460645"/>
                <a:gd name="connsiteY10" fmla="*/ 19100 h 524859"/>
                <a:gd name="connsiteX11" fmla="*/ 383671 w 460645"/>
                <a:gd name="connsiteY11" fmla="*/ 13222 h 5248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60645" h="524859">
                  <a:moveTo>
                    <a:pt x="0" y="524859"/>
                  </a:moveTo>
                  <a:lnTo>
                    <a:pt x="146053" y="495694"/>
                  </a:lnTo>
                  <a:cubicBezTo>
                    <a:pt x="155323" y="493885"/>
                    <a:pt x="164366" y="491398"/>
                    <a:pt x="173183" y="488459"/>
                  </a:cubicBezTo>
                  <a:lnTo>
                    <a:pt x="447654" y="396893"/>
                  </a:lnTo>
                  <a:lnTo>
                    <a:pt x="437706" y="367050"/>
                  </a:lnTo>
                  <a:cubicBezTo>
                    <a:pt x="424819" y="329067"/>
                    <a:pt x="386384" y="306006"/>
                    <a:pt x="346819" y="312563"/>
                  </a:cubicBezTo>
                  <a:lnTo>
                    <a:pt x="235358" y="331102"/>
                  </a:lnTo>
                  <a:cubicBezTo>
                    <a:pt x="228123" y="332232"/>
                    <a:pt x="220888" y="329971"/>
                    <a:pt x="215688" y="324771"/>
                  </a:cubicBezTo>
                  <a:lnTo>
                    <a:pt x="208001" y="317084"/>
                  </a:lnTo>
                  <a:lnTo>
                    <a:pt x="446072" y="79014"/>
                  </a:lnTo>
                  <a:cubicBezTo>
                    <a:pt x="461898" y="63188"/>
                    <a:pt x="465967" y="37414"/>
                    <a:pt x="452628" y="19100"/>
                  </a:cubicBezTo>
                  <a:cubicBezTo>
                    <a:pt x="435898" y="-4187"/>
                    <a:pt x="403115" y="-6221"/>
                    <a:pt x="383671" y="13222"/>
                  </a:cubicBez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EE9D6A38-6D06-5C33-DCC7-F08EFC664653}"/>
                </a:ext>
              </a:extLst>
            </p:cNvPr>
            <p:cNvSpPr/>
            <p:nvPr/>
          </p:nvSpPr>
          <p:spPr>
            <a:xfrm>
              <a:off x="8306295" y="4562178"/>
              <a:ext cx="326075" cy="326075"/>
            </a:xfrm>
            <a:custGeom>
              <a:avLst/>
              <a:gdLst>
                <a:gd name="connsiteX0" fmla="*/ 326075 w 326075"/>
                <a:gd name="connsiteY0" fmla="*/ 287584 h 326075"/>
                <a:gd name="connsiteX1" fmla="*/ 294197 w 326075"/>
                <a:gd name="connsiteY1" fmla="*/ 319462 h 326075"/>
                <a:gd name="connsiteX2" fmla="*/ 262318 w 326075"/>
                <a:gd name="connsiteY2" fmla="*/ 319462 h 326075"/>
                <a:gd name="connsiteX3" fmla="*/ 6613 w 326075"/>
                <a:gd name="connsiteY3" fmla="*/ 63756 h 326075"/>
                <a:gd name="connsiteX4" fmla="*/ 6613 w 326075"/>
                <a:gd name="connsiteY4" fmla="*/ 31878 h 326075"/>
                <a:gd name="connsiteX5" fmla="*/ 38492 w 326075"/>
                <a:gd name="connsiteY5" fmla="*/ 0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326075" y="287584"/>
                  </a:moveTo>
                  <a:lnTo>
                    <a:pt x="294197" y="319462"/>
                  </a:lnTo>
                  <a:cubicBezTo>
                    <a:pt x="285379" y="328279"/>
                    <a:pt x="271136" y="328279"/>
                    <a:pt x="262318" y="319462"/>
                  </a:cubicBezTo>
                  <a:lnTo>
                    <a:pt x="6613" y="63756"/>
                  </a:lnTo>
                  <a:cubicBezTo>
                    <a:pt x="-2204" y="54939"/>
                    <a:pt x="-2204" y="40696"/>
                    <a:pt x="6613" y="31878"/>
                  </a:cubicBezTo>
                  <a:lnTo>
                    <a:pt x="38492" y="0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C8C24A3-AB2D-D7A0-3CD6-E17BDF2F0925}"/>
                </a:ext>
              </a:extLst>
            </p:cNvPr>
            <p:cNvSpPr/>
            <p:nvPr/>
          </p:nvSpPr>
          <p:spPr>
            <a:xfrm>
              <a:off x="8306069" y="5366317"/>
              <a:ext cx="326075" cy="326075"/>
            </a:xfrm>
            <a:custGeom>
              <a:avLst/>
              <a:gdLst>
                <a:gd name="connsiteX0" fmla="*/ 38492 w 326075"/>
                <a:gd name="connsiteY0" fmla="*/ 326075 h 326075"/>
                <a:gd name="connsiteX1" fmla="*/ 6613 w 326075"/>
                <a:gd name="connsiteY1" fmla="*/ 294197 h 326075"/>
                <a:gd name="connsiteX2" fmla="*/ 6613 w 326075"/>
                <a:gd name="connsiteY2" fmla="*/ 262318 h 326075"/>
                <a:gd name="connsiteX3" fmla="*/ 262318 w 326075"/>
                <a:gd name="connsiteY3" fmla="*/ 6613 h 326075"/>
                <a:gd name="connsiteX4" fmla="*/ 294197 w 326075"/>
                <a:gd name="connsiteY4" fmla="*/ 6613 h 326075"/>
                <a:gd name="connsiteX5" fmla="*/ 326075 w 326075"/>
                <a:gd name="connsiteY5" fmla="*/ 38491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38492" y="326075"/>
                  </a:moveTo>
                  <a:lnTo>
                    <a:pt x="6613" y="294197"/>
                  </a:lnTo>
                  <a:cubicBezTo>
                    <a:pt x="-2204" y="285380"/>
                    <a:pt x="-2204" y="271136"/>
                    <a:pt x="6613" y="262318"/>
                  </a:cubicBezTo>
                  <a:lnTo>
                    <a:pt x="262318" y="6613"/>
                  </a:lnTo>
                  <a:cubicBezTo>
                    <a:pt x="271136" y="-2204"/>
                    <a:pt x="285379" y="-2204"/>
                    <a:pt x="294197" y="6613"/>
                  </a:cubicBezTo>
                  <a:lnTo>
                    <a:pt x="326075" y="38491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B764383A-940A-20D8-AABC-440E88FE5EBF}"/>
                </a:ext>
              </a:extLst>
            </p:cNvPr>
            <p:cNvSpPr/>
            <p:nvPr/>
          </p:nvSpPr>
          <p:spPr>
            <a:xfrm>
              <a:off x="8338929" y="4941101"/>
              <a:ext cx="213405" cy="447654"/>
            </a:xfrm>
            <a:custGeom>
              <a:avLst/>
              <a:gdLst>
                <a:gd name="connsiteX0" fmla="*/ 213406 w 213405"/>
                <a:gd name="connsiteY0" fmla="*/ 447654 h 447654"/>
                <a:gd name="connsiteX1" fmla="*/ 184240 w 213405"/>
                <a:gd name="connsiteY1" fmla="*/ 301601 h 447654"/>
                <a:gd name="connsiteX2" fmla="*/ 177006 w 213405"/>
                <a:gd name="connsiteY2" fmla="*/ 274471 h 447654"/>
                <a:gd name="connsiteX3" fmla="*/ 85440 w 213405"/>
                <a:gd name="connsiteY3" fmla="*/ 0 h 447654"/>
                <a:gd name="connsiteX4" fmla="*/ 55596 w 213405"/>
                <a:gd name="connsiteY4" fmla="*/ 9948 h 447654"/>
                <a:gd name="connsiteX5" fmla="*/ 1109 w 213405"/>
                <a:gd name="connsiteY5" fmla="*/ 100836 h 447654"/>
                <a:gd name="connsiteX6" fmla="*/ 19648 w 213405"/>
                <a:gd name="connsiteY6" fmla="*/ 212297 h 447654"/>
                <a:gd name="connsiteX7" fmla="*/ 13318 w 213405"/>
                <a:gd name="connsiteY7" fmla="*/ 231966 h 447654"/>
                <a:gd name="connsiteX8" fmla="*/ 5631 w 213405"/>
                <a:gd name="connsiteY8" fmla="*/ 239653 h 4476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13405" h="447654">
                  <a:moveTo>
                    <a:pt x="213406" y="447654"/>
                  </a:moveTo>
                  <a:lnTo>
                    <a:pt x="184240" y="301601"/>
                  </a:lnTo>
                  <a:cubicBezTo>
                    <a:pt x="182432" y="292332"/>
                    <a:pt x="179945" y="283288"/>
                    <a:pt x="177006" y="274471"/>
                  </a:cubicBezTo>
                  <a:lnTo>
                    <a:pt x="85440" y="0"/>
                  </a:lnTo>
                  <a:lnTo>
                    <a:pt x="55596" y="9948"/>
                  </a:lnTo>
                  <a:cubicBezTo>
                    <a:pt x="17614" y="22835"/>
                    <a:pt x="-5447" y="61270"/>
                    <a:pt x="1109" y="100836"/>
                  </a:cubicBezTo>
                  <a:lnTo>
                    <a:pt x="19648" y="212297"/>
                  </a:lnTo>
                  <a:cubicBezTo>
                    <a:pt x="20779" y="219532"/>
                    <a:pt x="18518" y="226766"/>
                    <a:pt x="13318" y="231966"/>
                  </a:cubicBezTo>
                  <a:lnTo>
                    <a:pt x="5631" y="239653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3E4EC970-6594-2303-B0A2-C1AFF35C793B}"/>
                </a:ext>
              </a:extLst>
            </p:cNvPr>
            <p:cNvSpPr/>
            <p:nvPr/>
          </p:nvSpPr>
          <p:spPr>
            <a:xfrm>
              <a:off x="7502157" y="4561952"/>
              <a:ext cx="326075" cy="326075"/>
            </a:xfrm>
            <a:custGeom>
              <a:avLst/>
              <a:gdLst>
                <a:gd name="connsiteX0" fmla="*/ 287584 w 326075"/>
                <a:gd name="connsiteY0" fmla="*/ 0 h 326075"/>
                <a:gd name="connsiteX1" fmla="*/ 319462 w 326075"/>
                <a:gd name="connsiteY1" fmla="*/ 31878 h 326075"/>
                <a:gd name="connsiteX2" fmla="*/ 319462 w 326075"/>
                <a:gd name="connsiteY2" fmla="*/ 63757 h 326075"/>
                <a:gd name="connsiteX3" fmla="*/ 63757 w 326075"/>
                <a:gd name="connsiteY3" fmla="*/ 319462 h 326075"/>
                <a:gd name="connsiteX4" fmla="*/ 31878 w 326075"/>
                <a:gd name="connsiteY4" fmla="*/ 319462 h 326075"/>
                <a:gd name="connsiteX5" fmla="*/ 0 w 326075"/>
                <a:gd name="connsiteY5" fmla="*/ 287584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287584" y="0"/>
                  </a:moveTo>
                  <a:lnTo>
                    <a:pt x="319462" y="31878"/>
                  </a:lnTo>
                  <a:cubicBezTo>
                    <a:pt x="328280" y="40696"/>
                    <a:pt x="328280" y="54939"/>
                    <a:pt x="319462" y="63757"/>
                  </a:cubicBezTo>
                  <a:lnTo>
                    <a:pt x="63757" y="319462"/>
                  </a:lnTo>
                  <a:cubicBezTo>
                    <a:pt x="54940" y="328279"/>
                    <a:pt x="40696" y="328279"/>
                    <a:pt x="31878" y="319462"/>
                  </a:cubicBezTo>
                  <a:lnTo>
                    <a:pt x="0" y="287584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FE37CE1A-9C59-5C13-2185-9898923BCAD0}"/>
                </a:ext>
              </a:extLst>
            </p:cNvPr>
            <p:cNvSpPr/>
            <p:nvPr/>
          </p:nvSpPr>
          <p:spPr>
            <a:xfrm>
              <a:off x="8269499" y="5574600"/>
              <a:ext cx="59008" cy="37982"/>
            </a:xfrm>
            <a:custGeom>
              <a:avLst/>
              <a:gdLst>
                <a:gd name="connsiteX0" fmla="*/ 0 w 59008"/>
                <a:gd name="connsiteY0" fmla="*/ 0 h 37982"/>
                <a:gd name="connsiteX1" fmla="*/ 14244 w 59008"/>
                <a:gd name="connsiteY1" fmla="*/ 3165 h 37982"/>
                <a:gd name="connsiteX2" fmla="*/ 36400 w 59008"/>
                <a:gd name="connsiteY2" fmla="*/ 15374 h 37982"/>
                <a:gd name="connsiteX3" fmla="*/ 59009 w 59008"/>
                <a:gd name="connsiteY3" fmla="*/ 37983 h 379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59008" h="37982">
                  <a:moveTo>
                    <a:pt x="0" y="0"/>
                  </a:moveTo>
                  <a:lnTo>
                    <a:pt x="14244" y="3165"/>
                  </a:lnTo>
                  <a:cubicBezTo>
                    <a:pt x="22609" y="4974"/>
                    <a:pt x="30296" y="9270"/>
                    <a:pt x="36400" y="15374"/>
                  </a:cubicBezTo>
                  <a:lnTo>
                    <a:pt x="59009" y="37983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AE048718-0973-5F54-8C90-E00DC39A408F}"/>
                </a:ext>
              </a:extLst>
            </p:cNvPr>
            <p:cNvSpPr/>
            <p:nvPr/>
          </p:nvSpPr>
          <p:spPr>
            <a:xfrm>
              <a:off x="7581965" y="4865588"/>
              <a:ext cx="66696" cy="264296"/>
            </a:xfrm>
            <a:custGeom>
              <a:avLst/>
              <a:gdLst>
                <a:gd name="connsiteX0" fmla="*/ 0 w 66696"/>
                <a:gd name="connsiteY0" fmla="*/ 0 h 264296"/>
                <a:gd name="connsiteX1" fmla="*/ 29166 w 66696"/>
                <a:gd name="connsiteY1" fmla="*/ 146053 h 264296"/>
                <a:gd name="connsiteX2" fmla="*/ 36400 w 66696"/>
                <a:gd name="connsiteY2" fmla="*/ 173183 h 264296"/>
                <a:gd name="connsiteX3" fmla="*/ 66696 w 66696"/>
                <a:gd name="connsiteY3" fmla="*/ 264297 h 2642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66696" h="264296">
                  <a:moveTo>
                    <a:pt x="0" y="0"/>
                  </a:moveTo>
                  <a:lnTo>
                    <a:pt x="29166" y="146053"/>
                  </a:lnTo>
                  <a:cubicBezTo>
                    <a:pt x="30974" y="155322"/>
                    <a:pt x="33461" y="164366"/>
                    <a:pt x="36400" y="173183"/>
                  </a:cubicBezTo>
                  <a:lnTo>
                    <a:pt x="66696" y="264297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E2194063-57D0-8C70-D43F-8565FEC262DA}"/>
                </a:ext>
              </a:extLst>
            </p:cNvPr>
            <p:cNvSpPr/>
            <p:nvPr/>
          </p:nvSpPr>
          <p:spPr>
            <a:xfrm>
              <a:off x="7805793" y="4641987"/>
              <a:ext cx="59008" cy="37982"/>
            </a:xfrm>
            <a:custGeom>
              <a:avLst/>
              <a:gdLst>
                <a:gd name="connsiteX0" fmla="*/ 59009 w 59008"/>
                <a:gd name="connsiteY0" fmla="*/ 37983 h 37982"/>
                <a:gd name="connsiteX1" fmla="*/ 44765 w 59008"/>
                <a:gd name="connsiteY1" fmla="*/ 34817 h 37982"/>
                <a:gd name="connsiteX2" fmla="*/ 22609 w 59008"/>
                <a:gd name="connsiteY2" fmla="*/ 22609 h 37982"/>
                <a:gd name="connsiteX3" fmla="*/ 0 w 59008"/>
                <a:gd name="connsiteY3" fmla="*/ 0 h 379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59008" h="37982">
                  <a:moveTo>
                    <a:pt x="59009" y="37983"/>
                  </a:moveTo>
                  <a:lnTo>
                    <a:pt x="44765" y="34817"/>
                  </a:lnTo>
                  <a:cubicBezTo>
                    <a:pt x="36400" y="33009"/>
                    <a:pt x="28713" y="28713"/>
                    <a:pt x="22609" y="22609"/>
                  </a:cubicBezTo>
                  <a:lnTo>
                    <a:pt x="0" y="0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7A7F64E5-2C04-7311-E514-820089FD47B4}"/>
                </a:ext>
              </a:extLst>
            </p:cNvPr>
            <p:cNvSpPr/>
            <p:nvPr/>
          </p:nvSpPr>
          <p:spPr>
            <a:xfrm>
              <a:off x="8514352" y="4865814"/>
              <a:ext cx="37982" cy="59008"/>
            </a:xfrm>
            <a:custGeom>
              <a:avLst/>
              <a:gdLst>
                <a:gd name="connsiteX0" fmla="*/ 0 w 37982"/>
                <a:gd name="connsiteY0" fmla="*/ 59009 h 59008"/>
                <a:gd name="connsiteX1" fmla="*/ 3165 w 37982"/>
                <a:gd name="connsiteY1" fmla="*/ 44766 h 59008"/>
                <a:gd name="connsiteX2" fmla="*/ 15374 w 37982"/>
                <a:gd name="connsiteY2" fmla="*/ 22609 h 59008"/>
                <a:gd name="connsiteX3" fmla="*/ 37983 w 37982"/>
                <a:gd name="connsiteY3" fmla="*/ 0 h 5900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7982" h="59008">
                  <a:moveTo>
                    <a:pt x="0" y="59009"/>
                  </a:moveTo>
                  <a:lnTo>
                    <a:pt x="3165" y="44766"/>
                  </a:lnTo>
                  <a:cubicBezTo>
                    <a:pt x="4974" y="36400"/>
                    <a:pt x="9270" y="28713"/>
                    <a:pt x="15374" y="22609"/>
                  </a:cubicBezTo>
                  <a:lnTo>
                    <a:pt x="37983" y="0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8A6B1A56-6F29-488D-B364-4423242D3ED4}"/>
                </a:ext>
              </a:extLst>
            </p:cNvPr>
            <p:cNvSpPr/>
            <p:nvPr/>
          </p:nvSpPr>
          <p:spPr>
            <a:xfrm>
              <a:off x="7881080" y="4641987"/>
              <a:ext cx="447654" cy="227670"/>
            </a:xfrm>
            <a:custGeom>
              <a:avLst/>
              <a:gdLst>
                <a:gd name="connsiteX0" fmla="*/ 447654 w 447654"/>
                <a:gd name="connsiteY0" fmla="*/ 0 h 227670"/>
                <a:gd name="connsiteX1" fmla="*/ 301601 w 447654"/>
                <a:gd name="connsiteY1" fmla="*/ 29165 h 227670"/>
                <a:gd name="connsiteX2" fmla="*/ 274471 w 447654"/>
                <a:gd name="connsiteY2" fmla="*/ 36400 h 227670"/>
                <a:gd name="connsiteX3" fmla="*/ 0 w 447654"/>
                <a:gd name="connsiteY3" fmla="*/ 127966 h 227670"/>
                <a:gd name="connsiteX4" fmla="*/ 9948 w 447654"/>
                <a:gd name="connsiteY4" fmla="*/ 157809 h 227670"/>
                <a:gd name="connsiteX5" fmla="*/ 100835 w 447654"/>
                <a:gd name="connsiteY5" fmla="*/ 212296 h 227670"/>
                <a:gd name="connsiteX6" fmla="*/ 212297 w 447654"/>
                <a:gd name="connsiteY6" fmla="*/ 193757 h 227670"/>
                <a:gd name="connsiteX7" fmla="*/ 231966 w 447654"/>
                <a:gd name="connsiteY7" fmla="*/ 200088 h 227670"/>
                <a:gd name="connsiteX8" fmla="*/ 239653 w 447654"/>
                <a:gd name="connsiteY8" fmla="*/ 207775 h 227670"/>
                <a:gd name="connsiteX9" fmla="*/ 219757 w 447654"/>
                <a:gd name="connsiteY9" fmla="*/ 227670 h 2276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447654" h="227670">
                  <a:moveTo>
                    <a:pt x="447654" y="0"/>
                  </a:moveTo>
                  <a:lnTo>
                    <a:pt x="301601" y="29165"/>
                  </a:lnTo>
                  <a:cubicBezTo>
                    <a:pt x="292331" y="30974"/>
                    <a:pt x="283288" y="33461"/>
                    <a:pt x="274471" y="36400"/>
                  </a:cubicBezTo>
                  <a:lnTo>
                    <a:pt x="0" y="127966"/>
                  </a:lnTo>
                  <a:lnTo>
                    <a:pt x="9948" y="157809"/>
                  </a:lnTo>
                  <a:cubicBezTo>
                    <a:pt x="22835" y="195792"/>
                    <a:pt x="61270" y="218853"/>
                    <a:pt x="100835" y="212296"/>
                  </a:cubicBezTo>
                  <a:lnTo>
                    <a:pt x="212297" y="193757"/>
                  </a:lnTo>
                  <a:cubicBezTo>
                    <a:pt x="219531" y="192627"/>
                    <a:pt x="226766" y="194888"/>
                    <a:pt x="231966" y="200088"/>
                  </a:cubicBezTo>
                  <a:lnTo>
                    <a:pt x="239653" y="207775"/>
                  </a:lnTo>
                  <a:lnTo>
                    <a:pt x="219757" y="227670"/>
                  </a:lnTo>
                </a:path>
              </a:pathLst>
            </a:custGeom>
            <a:noFill/>
            <a:ln w="381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888979513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C10EDD-0C09-7A85-C07E-AC607DC60AE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D652286E-987B-4850-DB21-BC98F6F74E8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8" name="Isosceles Triangle 7">
            <a:extLst>
              <a:ext uri="{FF2B5EF4-FFF2-40B4-BE49-F238E27FC236}">
                <a16:creationId xmlns:a16="http://schemas.microsoft.com/office/drawing/2014/main" id="{04FB369D-D647-EF76-8EFF-A59C9298D3C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white">
          <a:xfrm flipH="1">
            <a:off x="0" y="0"/>
            <a:ext cx="4648200" cy="6832600"/>
          </a:xfrm>
          <a:prstGeom prst="triangle">
            <a:avLst>
              <a:gd name="adj" fmla="val 100000"/>
            </a:avLst>
          </a:prstGeom>
          <a:solidFill>
            <a:schemeClr val="accent3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35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6E4C175-4F19-11BA-BD4D-9BE5ACBE2B5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Tenacity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AF7AEF3-308C-9B4E-049F-DF963F21DA2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81080" y="2133600"/>
            <a:ext cx="6391719" cy="3540035"/>
          </a:xfrm>
        </p:spPr>
        <p:txBody>
          <a:bodyPr>
            <a:normAutofit/>
          </a:bodyPr>
          <a:lstStyle/>
          <a:p>
            <a:pPr>
              <a:buClr>
                <a:schemeClr val="accent3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Maintain steady energy and composure during prolonged challenges.</a:t>
            </a:r>
          </a:p>
          <a:p>
            <a:pPr>
              <a:buClr>
                <a:schemeClr val="accent3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Demonstrate optimism that helps others remain confident</a:t>
            </a:r>
          </a:p>
          <a:p>
            <a:pPr>
              <a:buClr>
                <a:schemeClr val="accent3">
                  <a:lumMod val="50000"/>
                </a:schemeClr>
              </a:buClr>
            </a:pPr>
            <a:r>
              <a:rPr lang="en-US" dirty="0">
                <a:solidFill>
                  <a:schemeClr val="bg1"/>
                </a:solidFill>
              </a:rPr>
              <a:t>Encourage learning and growth by framing uncertainty as opportunity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3A36BB64-345D-4923-07FB-F69B9AAD1426}"/>
              </a:ext>
            </a:extLst>
          </p:cNvPr>
          <p:cNvGrpSpPr>
            <a:grpSpLocks noChangeAspect="1"/>
          </p:cNvGrpSpPr>
          <p:nvPr/>
        </p:nvGrpSpPr>
        <p:grpSpPr>
          <a:xfrm>
            <a:off x="304800" y="2110735"/>
            <a:ext cx="4114800" cy="2483277"/>
            <a:chOff x="517772" y="862886"/>
            <a:chExt cx="1707866" cy="1030695"/>
          </a:xfrm>
        </p:grpSpPr>
        <p:sp>
          <p:nvSpPr>
            <p:cNvPr id="7" name="Freeform: Shape 6">
              <a:extLst>
                <a:ext uri="{FF2B5EF4-FFF2-40B4-BE49-F238E27FC236}">
                  <a16:creationId xmlns:a16="http://schemas.microsoft.com/office/drawing/2014/main" id="{D4194DFB-7E8B-9E45-BC32-1D5DA68E652E}"/>
                </a:ext>
              </a:extLst>
            </p:cNvPr>
            <p:cNvSpPr/>
            <p:nvPr/>
          </p:nvSpPr>
          <p:spPr>
            <a:xfrm>
              <a:off x="1427112" y="862886"/>
              <a:ext cx="367106" cy="367166"/>
            </a:xfrm>
            <a:custGeom>
              <a:avLst/>
              <a:gdLst>
                <a:gd name="connsiteX0" fmla="*/ 183613 w 367106"/>
                <a:gd name="connsiteY0" fmla="*/ 367166 h 367166"/>
                <a:gd name="connsiteX1" fmla="*/ 367107 w 367106"/>
                <a:gd name="connsiteY1" fmla="*/ 183613 h 367166"/>
                <a:gd name="connsiteX2" fmla="*/ 183613 w 367106"/>
                <a:gd name="connsiteY2" fmla="*/ 0 h 367166"/>
                <a:gd name="connsiteX3" fmla="*/ 0 w 367106"/>
                <a:gd name="connsiteY3" fmla="*/ 183613 h 367166"/>
                <a:gd name="connsiteX4" fmla="*/ 183613 w 367106"/>
                <a:gd name="connsiteY4" fmla="*/ 367166 h 3671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67106" h="367166">
                  <a:moveTo>
                    <a:pt x="183613" y="367166"/>
                  </a:moveTo>
                  <a:cubicBezTo>
                    <a:pt x="284939" y="367166"/>
                    <a:pt x="367107" y="284998"/>
                    <a:pt x="367107" y="183613"/>
                  </a:cubicBezTo>
                  <a:cubicBezTo>
                    <a:pt x="367107" y="82227"/>
                    <a:pt x="284939" y="0"/>
                    <a:pt x="183613" y="0"/>
                  </a:cubicBezTo>
                  <a:cubicBezTo>
                    <a:pt x="82287" y="0"/>
                    <a:pt x="0" y="82168"/>
                    <a:pt x="0" y="183613"/>
                  </a:cubicBezTo>
                  <a:cubicBezTo>
                    <a:pt x="0" y="285058"/>
                    <a:pt x="82168" y="367166"/>
                    <a:pt x="183613" y="367166"/>
                  </a:cubicBezTo>
                  <a:close/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AB2B99A1-256A-CFC9-11D4-D846C5E27D36}"/>
                </a:ext>
              </a:extLst>
            </p:cNvPr>
            <p:cNvSpPr/>
            <p:nvPr/>
          </p:nvSpPr>
          <p:spPr>
            <a:xfrm>
              <a:off x="902036" y="935355"/>
              <a:ext cx="354373" cy="354373"/>
            </a:xfrm>
            <a:custGeom>
              <a:avLst/>
              <a:gdLst>
                <a:gd name="connsiteX0" fmla="*/ 177187 w 354373"/>
                <a:gd name="connsiteY0" fmla="*/ 0 h 354373"/>
                <a:gd name="connsiteX1" fmla="*/ 0 w 354373"/>
                <a:gd name="connsiteY1" fmla="*/ 177187 h 354373"/>
                <a:gd name="connsiteX2" fmla="*/ 177187 w 354373"/>
                <a:gd name="connsiteY2" fmla="*/ 354374 h 354373"/>
                <a:gd name="connsiteX3" fmla="*/ 354374 w 354373"/>
                <a:gd name="connsiteY3" fmla="*/ 177187 h 354373"/>
                <a:gd name="connsiteX4" fmla="*/ 177187 w 354373"/>
                <a:gd name="connsiteY4" fmla="*/ 0 h 3543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4373" h="354373">
                  <a:moveTo>
                    <a:pt x="177187" y="0"/>
                  </a:moveTo>
                  <a:cubicBezTo>
                    <a:pt x="79312" y="0"/>
                    <a:pt x="0" y="79371"/>
                    <a:pt x="0" y="177187"/>
                  </a:cubicBezTo>
                  <a:cubicBezTo>
                    <a:pt x="0" y="275003"/>
                    <a:pt x="79371" y="354374"/>
                    <a:pt x="177187" y="354374"/>
                  </a:cubicBezTo>
                  <a:cubicBezTo>
                    <a:pt x="275003" y="354374"/>
                    <a:pt x="354374" y="275003"/>
                    <a:pt x="354374" y="177187"/>
                  </a:cubicBezTo>
                  <a:cubicBezTo>
                    <a:pt x="354374" y="79371"/>
                    <a:pt x="275062" y="0"/>
                    <a:pt x="177187" y="0"/>
                  </a:cubicBezTo>
                  <a:close/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BDCF0E8D-696C-B5ED-1890-A542C967734C}"/>
                </a:ext>
              </a:extLst>
            </p:cNvPr>
            <p:cNvSpPr/>
            <p:nvPr/>
          </p:nvSpPr>
          <p:spPr>
            <a:xfrm>
              <a:off x="1299785" y="1591982"/>
              <a:ext cx="145950" cy="301598"/>
            </a:xfrm>
            <a:custGeom>
              <a:avLst/>
              <a:gdLst>
                <a:gd name="connsiteX0" fmla="*/ 145950 w 145950"/>
                <a:gd name="connsiteY0" fmla="*/ 36056 h 301598"/>
                <a:gd name="connsiteX1" fmla="*/ 0 w 145950"/>
                <a:gd name="connsiteY1" fmla="*/ 0 h 301598"/>
                <a:gd name="connsiteX2" fmla="*/ 0 w 145950"/>
                <a:gd name="connsiteY2" fmla="*/ 301599 h 30159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45950" h="301598">
                  <a:moveTo>
                    <a:pt x="145950" y="36056"/>
                  </a:moveTo>
                  <a:cubicBezTo>
                    <a:pt x="119473" y="24275"/>
                    <a:pt x="30820" y="0"/>
                    <a:pt x="0" y="0"/>
                  </a:cubicBezTo>
                  <a:lnTo>
                    <a:pt x="0" y="301599"/>
                  </a:ln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C5497228-AE62-8E35-2B69-679B3A9B1B0F}"/>
                </a:ext>
              </a:extLst>
            </p:cNvPr>
            <p:cNvSpPr/>
            <p:nvPr/>
          </p:nvSpPr>
          <p:spPr>
            <a:xfrm>
              <a:off x="517772" y="1100281"/>
              <a:ext cx="846866" cy="793180"/>
            </a:xfrm>
            <a:custGeom>
              <a:avLst/>
              <a:gdLst>
                <a:gd name="connsiteX0" fmla="*/ 846866 w 846866"/>
                <a:gd name="connsiteY0" fmla="*/ 299521 h 793180"/>
                <a:gd name="connsiteX1" fmla="*/ 673249 w 846866"/>
                <a:gd name="connsiteY1" fmla="*/ 275007 h 793180"/>
                <a:gd name="connsiteX2" fmla="*/ 514031 w 846866"/>
                <a:gd name="connsiteY2" fmla="*/ 266439 h 793180"/>
                <a:gd name="connsiteX3" fmla="*/ 123958 w 846866"/>
                <a:gd name="connsiteY3" fmla="*/ 25589 h 793180"/>
                <a:gd name="connsiteX4" fmla="*/ 16146 w 846866"/>
                <a:gd name="connsiteY4" fmla="*/ 24161 h 793180"/>
                <a:gd name="connsiteX5" fmla="*/ 21204 w 846866"/>
                <a:gd name="connsiteY5" fmla="*/ 124416 h 793180"/>
                <a:gd name="connsiteX6" fmla="*/ 386228 w 846866"/>
                <a:gd name="connsiteY6" fmla="*/ 446542 h 793180"/>
                <a:gd name="connsiteX7" fmla="*/ 413835 w 846866"/>
                <a:gd name="connsiteY7" fmla="*/ 793181 h 7931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46866" h="793180">
                  <a:moveTo>
                    <a:pt x="846866" y="299521"/>
                  </a:moveTo>
                  <a:cubicBezTo>
                    <a:pt x="798256" y="281017"/>
                    <a:pt x="720015" y="276435"/>
                    <a:pt x="673249" y="275007"/>
                  </a:cubicBezTo>
                  <a:cubicBezTo>
                    <a:pt x="633445" y="273758"/>
                    <a:pt x="604945" y="275602"/>
                    <a:pt x="514031" y="266439"/>
                  </a:cubicBezTo>
                  <a:cubicBezTo>
                    <a:pt x="312152" y="246150"/>
                    <a:pt x="199640" y="111624"/>
                    <a:pt x="123958" y="25589"/>
                  </a:cubicBezTo>
                  <a:cubicBezTo>
                    <a:pt x="86533" y="-16953"/>
                    <a:pt x="35959" y="1432"/>
                    <a:pt x="16146" y="24161"/>
                  </a:cubicBezTo>
                  <a:cubicBezTo>
                    <a:pt x="-9914" y="54148"/>
                    <a:pt x="-1644" y="87587"/>
                    <a:pt x="21204" y="124416"/>
                  </a:cubicBezTo>
                  <a:cubicBezTo>
                    <a:pt x="178459" y="378178"/>
                    <a:pt x="386228" y="446542"/>
                    <a:pt x="386228" y="446542"/>
                  </a:cubicBezTo>
                  <a:lnTo>
                    <a:pt x="413835" y="793181"/>
                  </a:ln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5A88AFEE-4BFB-E3F2-6EF7-952B0CEC7580}"/>
                </a:ext>
              </a:extLst>
            </p:cNvPr>
            <p:cNvSpPr/>
            <p:nvPr/>
          </p:nvSpPr>
          <p:spPr>
            <a:xfrm>
              <a:off x="1364698" y="1101270"/>
              <a:ext cx="860940" cy="792311"/>
            </a:xfrm>
            <a:custGeom>
              <a:avLst/>
              <a:gdLst>
                <a:gd name="connsiteX0" fmla="*/ 433745 w 860940"/>
                <a:gd name="connsiteY0" fmla="*/ 792252 h 792311"/>
                <a:gd name="connsiteX1" fmla="*/ 471229 w 860940"/>
                <a:gd name="connsiteY1" fmla="*/ 396407 h 792311"/>
                <a:gd name="connsiteX2" fmla="*/ 841727 w 860940"/>
                <a:gd name="connsiteY2" fmla="*/ 120929 h 792311"/>
                <a:gd name="connsiteX3" fmla="*/ 841370 w 860940"/>
                <a:gd name="connsiteY3" fmla="*/ 22994 h 792311"/>
                <a:gd name="connsiteX4" fmla="*/ 737248 w 860940"/>
                <a:gd name="connsiteY4" fmla="*/ 23886 h 792311"/>
                <a:gd name="connsiteX5" fmla="*/ 360502 w 860940"/>
                <a:gd name="connsiteY5" fmla="*/ 209700 h 792311"/>
                <a:gd name="connsiteX6" fmla="*/ 190515 w 860940"/>
                <a:gd name="connsiteY6" fmla="*/ 220470 h 792311"/>
                <a:gd name="connsiteX7" fmla="*/ 0 w 860940"/>
                <a:gd name="connsiteY7" fmla="*/ 298591 h 792311"/>
                <a:gd name="connsiteX8" fmla="*/ 81870 w 860940"/>
                <a:gd name="connsiteY8" fmla="*/ 443709 h 792311"/>
                <a:gd name="connsiteX9" fmla="*/ 81870 w 860940"/>
                <a:gd name="connsiteY9" fmla="*/ 792311 h 7923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60940" h="792311">
                  <a:moveTo>
                    <a:pt x="433745" y="792252"/>
                  </a:moveTo>
                  <a:lnTo>
                    <a:pt x="471229" y="396407"/>
                  </a:lnTo>
                  <a:cubicBezTo>
                    <a:pt x="471229" y="396407"/>
                    <a:pt x="695837" y="328757"/>
                    <a:pt x="841727" y="120929"/>
                  </a:cubicBezTo>
                  <a:cubicBezTo>
                    <a:pt x="866657" y="85467"/>
                    <a:pt x="868145" y="49947"/>
                    <a:pt x="841370" y="22994"/>
                  </a:cubicBezTo>
                  <a:cubicBezTo>
                    <a:pt x="820129" y="1574"/>
                    <a:pt x="777469" y="-16097"/>
                    <a:pt x="737248" y="23886"/>
                  </a:cubicBezTo>
                  <a:cubicBezTo>
                    <a:pt x="662755" y="97903"/>
                    <a:pt x="553397" y="175251"/>
                    <a:pt x="360502" y="209700"/>
                  </a:cubicBezTo>
                  <a:cubicBezTo>
                    <a:pt x="297731" y="220946"/>
                    <a:pt x="233056" y="219577"/>
                    <a:pt x="190515" y="220470"/>
                  </a:cubicBezTo>
                  <a:cubicBezTo>
                    <a:pt x="114475" y="221957"/>
                    <a:pt x="41709" y="248791"/>
                    <a:pt x="0" y="298591"/>
                  </a:cubicBezTo>
                  <a:cubicBezTo>
                    <a:pt x="0" y="298591"/>
                    <a:pt x="81870" y="338158"/>
                    <a:pt x="81870" y="443709"/>
                  </a:cubicBezTo>
                  <a:lnTo>
                    <a:pt x="81870" y="792311"/>
                  </a:lnTo>
                </a:path>
              </a:pathLst>
            </a:custGeom>
            <a:noFill/>
            <a:ln w="38100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95388761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519C7F-3F27-2F97-45BA-BBCAB66E38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BE4662-F57C-09EB-D297-42BD2D78B1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000" dirty="0"/>
              <a:t>5 Steps To ADAPT to Disruption and Uncertainty</a:t>
            </a:r>
          </a:p>
        </p:txBody>
      </p:sp>
      <p:sp>
        <p:nvSpPr>
          <p:cNvPr id="4" name="Freeform 8">
            <a:extLst>
              <a:ext uri="{FF2B5EF4-FFF2-40B4-BE49-F238E27FC236}">
                <a16:creationId xmlns:a16="http://schemas.microsoft.com/office/drawing/2014/main" id="{9FAC8255-33D7-CCA7-B8DE-892D9F19BD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5105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accent1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5" name="Freeform 8">
            <a:extLst>
              <a:ext uri="{FF2B5EF4-FFF2-40B4-BE49-F238E27FC236}">
                <a16:creationId xmlns:a16="http://schemas.microsoft.com/office/drawing/2014/main" id="{FA057976-D6D2-3F87-76B1-DC5408CD8C1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7391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tx2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6" name="Freeform 8">
            <a:extLst>
              <a:ext uri="{FF2B5EF4-FFF2-40B4-BE49-F238E27FC236}">
                <a16:creationId xmlns:a16="http://schemas.microsoft.com/office/drawing/2014/main" id="{7A50A6F3-F53A-7825-A752-0540ABEEB85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9677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accent3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7" name="Freeform 8">
            <a:extLst>
              <a:ext uri="{FF2B5EF4-FFF2-40B4-BE49-F238E27FC236}">
                <a16:creationId xmlns:a16="http://schemas.microsoft.com/office/drawing/2014/main" id="{45295A53-28B2-547D-A17D-E9E1DCE3D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2819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bg2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8" name="Freeform 8">
            <a:extLst>
              <a:ext uri="{FF2B5EF4-FFF2-40B4-BE49-F238E27FC236}">
                <a16:creationId xmlns:a16="http://schemas.microsoft.com/office/drawing/2014/main" id="{A36E0DA3-22A9-9093-28FD-8927EFE8C3F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ltGray">
          <a:xfrm flipV="1">
            <a:off x="533400" y="1447800"/>
            <a:ext cx="1920143" cy="2337212"/>
          </a:xfrm>
          <a:custGeom>
            <a:avLst/>
            <a:gdLst>
              <a:gd name="T0" fmla="*/ 0 w 853"/>
              <a:gd name="T1" fmla="*/ 584 h 1011"/>
              <a:gd name="T2" fmla="*/ 427 w 853"/>
              <a:gd name="T3" fmla="*/ 0 h 1011"/>
              <a:gd name="T4" fmla="*/ 853 w 853"/>
              <a:gd name="T5" fmla="*/ 584 h 1011"/>
              <a:gd name="T6" fmla="*/ 427 w 853"/>
              <a:gd name="T7" fmla="*/ 1011 h 1011"/>
              <a:gd name="T8" fmla="*/ 0 w 853"/>
              <a:gd name="T9" fmla="*/ 584 h 101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853" h="1011">
                <a:moveTo>
                  <a:pt x="0" y="584"/>
                </a:moveTo>
                <a:cubicBezTo>
                  <a:pt x="0" y="349"/>
                  <a:pt x="427" y="0"/>
                  <a:pt x="427" y="0"/>
                </a:cubicBezTo>
                <a:cubicBezTo>
                  <a:pt x="427" y="0"/>
                  <a:pt x="853" y="349"/>
                  <a:pt x="853" y="584"/>
                </a:cubicBezTo>
                <a:cubicBezTo>
                  <a:pt x="853" y="820"/>
                  <a:pt x="662" y="1011"/>
                  <a:pt x="427" y="1011"/>
                </a:cubicBezTo>
                <a:cubicBezTo>
                  <a:pt x="191" y="1011"/>
                  <a:pt x="0" y="820"/>
                  <a:pt x="0" y="584"/>
                </a:cubicBezTo>
                <a:close/>
              </a:path>
            </a:pathLst>
          </a:custGeom>
          <a:solidFill>
            <a:schemeClr val="accent5"/>
          </a:solidFill>
          <a:ln w="9525">
            <a:noFill/>
            <a:round/>
            <a:headEnd/>
            <a:tailEnd/>
          </a:ln>
        </p:spPr>
        <p:txBody>
          <a:bodyPr vert="horz" wrap="square" lIns="68598" tIns="34299" rIns="68598" bIns="34299" numCol="1" anchor="t" anchorCtr="0" compatLnSpc="1">
            <a:prstTxWarp prst="textNoShape">
              <a:avLst/>
            </a:prstTxWarp>
          </a:bodyPr>
          <a:lstStyle/>
          <a:p>
            <a:endParaRPr lang="en-IN" sz="160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A608857-2B05-7AF3-72F4-F58B0F57DB19}"/>
              </a:ext>
            </a:extLst>
          </p:cNvPr>
          <p:cNvSpPr txBox="1"/>
          <p:nvPr/>
        </p:nvSpPr>
        <p:spPr>
          <a:xfrm>
            <a:off x="379937" y="4133242"/>
            <a:ext cx="2211017" cy="16096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accent5"/>
                </a:solidFill>
              </a:rPr>
              <a:t>Authenticity</a:t>
            </a:r>
            <a:r>
              <a:rPr lang="en-US" sz="2400" b="1" dirty="0">
                <a:solidFill>
                  <a:srgbClr val="4D2F93"/>
                </a:solidFill>
              </a:rPr>
              <a:t> 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000" dirty="0"/>
              <a:t>Share openly and honestly, even when answers </a:t>
            </a:r>
            <a:br>
              <a:rPr lang="en-US" sz="2000" dirty="0"/>
            </a:br>
            <a:r>
              <a:rPr lang="en-US" sz="2000" dirty="0"/>
              <a:t>are unclear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911A862-7325-42EE-2064-8C342D6C0228}"/>
              </a:ext>
            </a:extLst>
          </p:cNvPr>
          <p:cNvSpPr txBox="1"/>
          <p:nvPr/>
        </p:nvSpPr>
        <p:spPr>
          <a:xfrm>
            <a:off x="2741983" y="4135848"/>
            <a:ext cx="2074976" cy="16096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bg2"/>
                </a:solidFill>
              </a:rPr>
              <a:t>Discernment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000" dirty="0"/>
              <a:t>Cut through complexity to focus on what matters mos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5FF0839-7B58-FC80-F03D-30DAA9B54CAB}"/>
              </a:ext>
            </a:extLst>
          </p:cNvPr>
          <p:cNvSpPr txBox="1"/>
          <p:nvPr/>
        </p:nvSpPr>
        <p:spPr>
          <a:xfrm>
            <a:off x="5027983" y="4135847"/>
            <a:ext cx="2074976" cy="16096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accent1"/>
                </a:solidFill>
              </a:rPr>
              <a:t>Agility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000" dirty="0"/>
              <a:t>Pivot quickly while keeping priorities </a:t>
            </a:r>
            <a:br>
              <a:rPr lang="en-US" sz="2000" dirty="0"/>
            </a:br>
            <a:r>
              <a:rPr lang="en-US" sz="2000" dirty="0"/>
              <a:t>in focus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DC55A747-B1BC-2F3A-9215-6C81E7DA3563}"/>
              </a:ext>
            </a:extLst>
          </p:cNvPr>
          <p:cNvSpPr txBox="1"/>
          <p:nvPr/>
        </p:nvSpPr>
        <p:spPr>
          <a:xfrm>
            <a:off x="7309329" y="4133242"/>
            <a:ext cx="2149960" cy="16096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tx2"/>
                </a:solidFill>
              </a:rPr>
              <a:t>Partnership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IN" sz="2000" dirty="0"/>
              <a:t> Draw strength and wisdom from collaboration </a:t>
            </a:r>
            <a:br>
              <a:rPr lang="en-IN" sz="2000" dirty="0"/>
            </a:br>
            <a:r>
              <a:rPr lang="en-IN" sz="2000" dirty="0"/>
              <a:t>with others</a:t>
            </a:r>
            <a:endParaRPr lang="en-US" sz="2000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3C9A824-A0C9-BF96-648A-54094318A228}"/>
              </a:ext>
            </a:extLst>
          </p:cNvPr>
          <p:cNvSpPr txBox="1"/>
          <p:nvPr/>
        </p:nvSpPr>
        <p:spPr>
          <a:xfrm>
            <a:off x="9605063" y="4135845"/>
            <a:ext cx="2074976" cy="196361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en-US" sz="2400" b="1" dirty="0">
                <a:solidFill>
                  <a:schemeClr val="accent3"/>
                </a:solidFill>
              </a:rPr>
              <a:t>Tenacity</a:t>
            </a:r>
          </a:p>
          <a:p>
            <a:pPr algn="ctr"/>
            <a:r>
              <a:rPr lang="en-US" sz="2000" dirty="0"/>
              <a:t>Maintain energy, optimism and composure necessary to move forward</a:t>
            </a:r>
          </a:p>
        </p:txBody>
      </p:sp>
      <p:grpSp>
        <p:nvGrpSpPr>
          <p:cNvPr id="3" name="Graphic 2">
            <a:extLst>
              <a:ext uri="{FF2B5EF4-FFF2-40B4-BE49-F238E27FC236}">
                <a16:creationId xmlns:a16="http://schemas.microsoft.com/office/drawing/2014/main" id="{3DF4BE1D-AB4D-6D94-C533-8FD0786BD38A}"/>
              </a:ext>
            </a:extLst>
          </p:cNvPr>
          <p:cNvGrpSpPr/>
          <p:nvPr/>
        </p:nvGrpSpPr>
        <p:grpSpPr>
          <a:xfrm>
            <a:off x="7786251" y="1828800"/>
            <a:ext cx="1130439" cy="1130439"/>
            <a:chOff x="7501931" y="4561952"/>
            <a:chExt cx="1130439" cy="1130439"/>
          </a:xfrm>
          <a:noFill/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D1731B2E-8FEB-AB5A-7D96-CD36AA79D14F}"/>
                </a:ext>
              </a:extLst>
            </p:cNvPr>
            <p:cNvSpPr/>
            <p:nvPr/>
          </p:nvSpPr>
          <p:spPr>
            <a:xfrm>
              <a:off x="7885602" y="4959754"/>
              <a:ext cx="253105" cy="189122"/>
            </a:xfrm>
            <a:custGeom>
              <a:avLst/>
              <a:gdLst>
                <a:gd name="connsiteX0" fmla="*/ 239879 w 253105"/>
                <a:gd name="connsiteY0" fmla="*/ 77209 h 189122"/>
                <a:gd name="connsiteX1" fmla="*/ 239879 w 253105"/>
                <a:gd name="connsiteY1" fmla="*/ 13226 h 189122"/>
                <a:gd name="connsiteX2" fmla="*/ 175896 w 253105"/>
                <a:gd name="connsiteY2" fmla="*/ 13226 h 189122"/>
                <a:gd name="connsiteX3" fmla="*/ 0 w 253105"/>
                <a:gd name="connsiteY3" fmla="*/ 189122 h 1891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53105" h="189122">
                  <a:moveTo>
                    <a:pt x="239879" y="77209"/>
                  </a:moveTo>
                  <a:cubicBezTo>
                    <a:pt x="257514" y="59575"/>
                    <a:pt x="257514" y="30861"/>
                    <a:pt x="239879" y="13226"/>
                  </a:cubicBezTo>
                  <a:cubicBezTo>
                    <a:pt x="222244" y="-4409"/>
                    <a:pt x="193531" y="-4409"/>
                    <a:pt x="175896" y="13226"/>
                  </a:cubicBezTo>
                  <a:lnTo>
                    <a:pt x="0" y="189122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A1E582AC-A256-5201-78C6-D3B5D1273C9B}"/>
                </a:ext>
              </a:extLst>
            </p:cNvPr>
            <p:cNvSpPr/>
            <p:nvPr/>
          </p:nvSpPr>
          <p:spPr>
            <a:xfrm>
              <a:off x="7965411" y="4991632"/>
              <a:ext cx="269157" cy="269157"/>
            </a:xfrm>
            <a:custGeom>
              <a:avLst/>
              <a:gdLst>
                <a:gd name="connsiteX0" fmla="*/ 63983 w 269157"/>
                <a:gd name="connsiteY0" fmla="*/ 269158 h 269157"/>
                <a:gd name="connsiteX1" fmla="*/ 255932 w 269157"/>
                <a:gd name="connsiteY1" fmla="*/ 77209 h 269157"/>
                <a:gd name="connsiteX2" fmla="*/ 255932 w 269157"/>
                <a:gd name="connsiteY2" fmla="*/ 13226 h 269157"/>
                <a:gd name="connsiteX3" fmla="*/ 191949 w 269157"/>
                <a:gd name="connsiteY3" fmla="*/ 13226 h 269157"/>
                <a:gd name="connsiteX4" fmla="*/ 0 w 269157"/>
                <a:gd name="connsiteY4" fmla="*/ 205175 h 2691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9157" h="269157">
                  <a:moveTo>
                    <a:pt x="63983" y="269158"/>
                  </a:moveTo>
                  <a:lnTo>
                    <a:pt x="255932" y="77209"/>
                  </a:lnTo>
                  <a:cubicBezTo>
                    <a:pt x="273566" y="59575"/>
                    <a:pt x="273566" y="30861"/>
                    <a:pt x="255932" y="13226"/>
                  </a:cubicBezTo>
                  <a:cubicBezTo>
                    <a:pt x="238296" y="-4409"/>
                    <a:pt x="209584" y="-4409"/>
                    <a:pt x="191949" y="13226"/>
                  </a:cubicBezTo>
                  <a:lnTo>
                    <a:pt x="0" y="205175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07C6AC26-C2BC-7CAA-4CD3-8F0A44279ABE}"/>
                </a:ext>
              </a:extLst>
            </p:cNvPr>
            <p:cNvSpPr/>
            <p:nvPr/>
          </p:nvSpPr>
          <p:spPr>
            <a:xfrm>
              <a:off x="7501931" y="5366090"/>
              <a:ext cx="326075" cy="326075"/>
            </a:xfrm>
            <a:custGeom>
              <a:avLst/>
              <a:gdLst>
                <a:gd name="connsiteX0" fmla="*/ 0 w 326075"/>
                <a:gd name="connsiteY0" fmla="*/ 38491 h 326075"/>
                <a:gd name="connsiteX1" fmla="*/ 31878 w 326075"/>
                <a:gd name="connsiteY1" fmla="*/ 6613 h 326075"/>
                <a:gd name="connsiteX2" fmla="*/ 63757 w 326075"/>
                <a:gd name="connsiteY2" fmla="*/ 6613 h 326075"/>
                <a:gd name="connsiteX3" fmla="*/ 319462 w 326075"/>
                <a:gd name="connsiteY3" fmla="*/ 262319 h 326075"/>
                <a:gd name="connsiteX4" fmla="*/ 319462 w 326075"/>
                <a:gd name="connsiteY4" fmla="*/ 294197 h 326075"/>
                <a:gd name="connsiteX5" fmla="*/ 287584 w 326075"/>
                <a:gd name="connsiteY5" fmla="*/ 326075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0" y="38491"/>
                  </a:moveTo>
                  <a:lnTo>
                    <a:pt x="31878" y="6613"/>
                  </a:lnTo>
                  <a:cubicBezTo>
                    <a:pt x="40696" y="-2204"/>
                    <a:pt x="54939" y="-2204"/>
                    <a:pt x="63757" y="6613"/>
                  </a:cubicBezTo>
                  <a:lnTo>
                    <a:pt x="319462" y="262319"/>
                  </a:lnTo>
                  <a:cubicBezTo>
                    <a:pt x="328280" y="271136"/>
                    <a:pt x="328280" y="285380"/>
                    <a:pt x="319462" y="294197"/>
                  </a:cubicBezTo>
                  <a:lnTo>
                    <a:pt x="287584" y="326075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46CFE5F-BA77-FDB3-DE4E-53BC9877C2D2}"/>
                </a:ext>
              </a:extLst>
            </p:cNvPr>
            <p:cNvSpPr/>
            <p:nvPr/>
          </p:nvSpPr>
          <p:spPr>
            <a:xfrm>
              <a:off x="7581740" y="4960215"/>
              <a:ext cx="428771" cy="428314"/>
            </a:xfrm>
            <a:custGeom>
              <a:avLst/>
              <a:gdLst>
                <a:gd name="connsiteX0" fmla="*/ 0 w 428771"/>
                <a:gd name="connsiteY0" fmla="*/ 428315 h 428314"/>
                <a:gd name="connsiteX1" fmla="*/ 22609 w 428771"/>
                <a:gd name="connsiteY1" fmla="*/ 405706 h 428314"/>
                <a:gd name="connsiteX2" fmla="*/ 34818 w 428771"/>
                <a:gd name="connsiteY2" fmla="*/ 383549 h 428314"/>
                <a:gd name="connsiteX3" fmla="*/ 38661 w 428771"/>
                <a:gd name="connsiteY3" fmla="*/ 365689 h 428314"/>
                <a:gd name="connsiteX4" fmla="*/ 87270 w 428771"/>
                <a:gd name="connsiteY4" fmla="*/ 277062 h 428314"/>
                <a:gd name="connsiteX5" fmla="*/ 349758 w 428771"/>
                <a:gd name="connsiteY5" fmla="*/ 14574 h 428314"/>
                <a:gd name="connsiteX6" fmla="*/ 409671 w 428771"/>
                <a:gd name="connsiteY6" fmla="*/ 8017 h 428314"/>
                <a:gd name="connsiteX7" fmla="*/ 415550 w 428771"/>
                <a:gd name="connsiteY7" fmla="*/ 76974 h 4283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428771" h="428314">
                  <a:moveTo>
                    <a:pt x="0" y="428315"/>
                  </a:moveTo>
                  <a:lnTo>
                    <a:pt x="22609" y="405706"/>
                  </a:lnTo>
                  <a:cubicBezTo>
                    <a:pt x="28713" y="399602"/>
                    <a:pt x="33009" y="391915"/>
                    <a:pt x="34818" y="383549"/>
                  </a:cubicBezTo>
                  <a:lnTo>
                    <a:pt x="38661" y="365689"/>
                  </a:lnTo>
                  <a:cubicBezTo>
                    <a:pt x="46122" y="332001"/>
                    <a:pt x="63079" y="301254"/>
                    <a:pt x="87270" y="277062"/>
                  </a:cubicBezTo>
                  <a:lnTo>
                    <a:pt x="349758" y="14574"/>
                  </a:lnTo>
                  <a:cubicBezTo>
                    <a:pt x="365584" y="-1252"/>
                    <a:pt x="391358" y="-5322"/>
                    <a:pt x="409671" y="8017"/>
                  </a:cubicBezTo>
                  <a:cubicBezTo>
                    <a:pt x="432958" y="24748"/>
                    <a:pt x="434993" y="57531"/>
                    <a:pt x="415550" y="76974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4BE98E1F-B9BC-8508-56C8-799D940FF0E2}"/>
                </a:ext>
              </a:extLst>
            </p:cNvPr>
            <p:cNvSpPr/>
            <p:nvPr/>
          </p:nvSpPr>
          <p:spPr>
            <a:xfrm>
              <a:off x="7805566" y="5087497"/>
              <a:ext cx="460645" cy="524859"/>
            </a:xfrm>
            <a:custGeom>
              <a:avLst/>
              <a:gdLst>
                <a:gd name="connsiteX0" fmla="*/ 0 w 460645"/>
                <a:gd name="connsiteY0" fmla="*/ 524859 h 524859"/>
                <a:gd name="connsiteX1" fmla="*/ 146053 w 460645"/>
                <a:gd name="connsiteY1" fmla="*/ 495694 h 524859"/>
                <a:gd name="connsiteX2" fmla="*/ 173183 w 460645"/>
                <a:gd name="connsiteY2" fmla="*/ 488459 h 524859"/>
                <a:gd name="connsiteX3" fmla="*/ 447654 w 460645"/>
                <a:gd name="connsiteY3" fmla="*/ 396893 h 524859"/>
                <a:gd name="connsiteX4" fmla="*/ 437706 w 460645"/>
                <a:gd name="connsiteY4" fmla="*/ 367050 h 524859"/>
                <a:gd name="connsiteX5" fmla="*/ 346819 w 460645"/>
                <a:gd name="connsiteY5" fmla="*/ 312563 h 524859"/>
                <a:gd name="connsiteX6" fmla="*/ 235358 w 460645"/>
                <a:gd name="connsiteY6" fmla="*/ 331102 h 524859"/>
                <a:gd name="connsiteX7" fmla="*/ 215688 w 460645"/>
                <a:gd name="connsiteY7" fmla="*/ 324771 h 524859"/>
                <a:gd name="connsiteX8" fmla="*/ 208001 w 460645"/>
                <a:gd name="connsiteY8" fmla="*/ 317084 h 524859"/>
                <a:gd name="connsiteX9" fmla="*/ 446072 w 460645"/>
                <a:gd name="connsiteY9" fmla="*/ 79014 h 524859"/>
                <a:gd name="connsiteX10" fmla="*/ 452628 w 460645"/>
                <a:gd name="connsiteY10" fmla="*/ 19100 h 524859"/>
                <a:gd name="connsiteX11" fmla="*/ 383671 w 460645"/>
                <a:gd name="connsiteY11" fmla="*/ 13222 h 5248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60645" h="524859">
                  <a:moveTo>
                    <a:pt x="0" y="524859"/>
                  </a:moveTo>
                  <a:lnTo>
                    <a:pt x="146053" y="495694"/>
                  </a:lnTo>
                  <a:cubicBezTo>
                    <a:pt x="155323" y="493885"/>
                    <a:pt x="164366" y="491398"/>
                    <a:pt x="173183" y="488459"/>
                  </a:cubicBezTo>
                  <a:lnTo>
                    <a:pt x="447654" y="396893"/>
                  </a:lnTo>
                  <a:lnTo>
                    <a:pt x="437706" y="367050"/>
                  </a:lnTo>
                  <a:cubicBezTo>
                    <a:pt x="424819" y="329067"/>
                    <a:pt x="386384" y="306006"/>
                    <a:pt x="346819" y="312563"/>
                  </a:cubicBezTo>
                  <a:lnTo>
                    <a:pt x="235358" y="331102"/>
                  </a:lnTo>
                  <a:cubicBezTo>
                    <a:pt x="228123" y="332232"/>
                    <a:pt x="220888" y="329971"/>
                    <a:pt x="215688" y="324771"/>
                  </a:cubicBezTo>
                  <a:lnTo>
                    <a:pt x="208001" y="317084"/>
                  </a:lnTo>
                  <a:lnTo>
                    <a:pt x="446072" y="79014"/>
                  </a:lnTo>
                  <a:cubicBezTo>
                    <a:pt x="461898" y="63188"/>
                    <a:pt x="465967" y="37414"/>
                    <a:pt x="452628" y="19100"/>
                  </a:cubicBezTo>
                  <a:cubicBezTo>
                    <a:pt x="435898" y="-4187"/>
                    <a:pt x="403115" y="-6221"/>
                    <a:pt x="383671" y="13222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DB4E8C3-47B8-2BA6-E10B-B2484100365E}"/>
                </a:ext>
              </a:extLst>
            </p:cNvPr>
            <p:cNvSpPr/>
            <p:nvPr/>
          </p:nvSpPr>
          <p:spPr>
            <a:xfrm>
              <a:off x="8306295" y="4562178"/>
              <a:ext cx="326075" cy="326075"/>
            </a:xfrm>
            <a:custGeom>
              <a:avLst/>
              <a:gdLst>
                <a:gd name="connsiteX0" fmla="*/ 326075 w 326075"/>
                <a:gd name="connsiteY0" fmla="*/ 287584 h 326075"/>
                <a:gd name="connsiteX1" fmla="*/ 294197 w 326075"/>
                <a:gd name="connsiteY1" fmla="*/ 319462 h 326075"/>
                <a:gd name="connsiteX2" fmla="*/ 262318 w 326075"/>
                <a:gd name="connsiteY2" fmla="*/ 319462 h 326075"/>
                <a:gd name="connsiteX3" fmla="*/ 6613 w 326075"/>
                <a:gd name="connsiteY3" fmla="*/ 63756 h 326075"/>
                <a:gd name="connsiteX4" fmla="*/ 6613 w 326075"/>
                <a:gd name="connsiteY4" fmla="*/ 31878 h 326075"/>
                <a:gd name="connsiteX5" fmla="*/ 38492 w 326075"/>
                <a:gd name="connsiteY5" fmla="*/ 0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326075" y="287584"/>
                  </a:moveTo>
                  <a:lnTo>
                    <a:pt x="294197" y="319462"/>
                  </a:lnTo>
                  <a:cubicBezTo>
                    <a:pt x="285379" y="328279"/>
                    <a:pt x="271136" y="328279"/>
                    <a:pt x="262318" y="319462"/>
                  </a:cubicBezTo>
                  <a:lnTo>
                    <a:pt x="6613" y="63756"/>
                  </a:lnTo>
                  <a:cubicBezTo>
                    <a:pt x="-2204" y="54939"/>
                    <a:pt x="-2204" y="40696"/>
                    <a:pt x="6613" y="31878"/>
                  </a:cubicBezTo>
                  <a:lnTo>
                    <a:pt x="38492" y="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AA6BF68-FD88-D01F-56DE-9A6E62D5CCBC}"/>
                </a:ext>
              </a:extLst>
            </p:cNvPr>
            <p:cNvSpPr/>
            <p:nvPr/>
          </p:nvSpPr>
          <p:spPr>
            <a:xfrm>
              <a:off x="8306069" y="5366317"/>
              <a:ext cx="326075" cy="326075"/>
            </a:xfrm>
            <a:custGeom>
              <a:avLst/>
              <a:gdLst>
                <a:gd name="connsiteX0" fmla="*/ 38492 w 326075"/>
                <a:gd name="connsiteY0" fmla="*/ 326075 h 326075"/>
                <a:gd name="connsiteX1" fmla="*/ 6613 w 326075"/>
                <a:gd name="connsiteY1" fmla="*/ 294197 h 326075"/>
                <a:gd name="connsiteX2" fmla="*/ 6613 w 326075"/>
                <a:gd name="connsiteY2" fmla="*/ 262318 h 326075"/>
                <a:gd name="connsiteX3" fmla="*/ 262318 w 326075"/>
                <a:gd name="connsiteY3" fmla="*/ 6613 h 326075"/>
                <a:gd name="connsiteX4" fmla="*/ 294197 w 326075"/>
                <a:gd name="connsiteY4" fmla="*/ 6613 h 326075"/>
                <a:gd name="connsiteX5" fmla="*/ 326075 w 326075"/>
                <a:gd name="connsiteY5" fmla="*/ 38491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38492" y="326075"/>
                  </a:moveTo>
                  <a:lnTo>
                    <a:pt x="6613" y="294197"/>
                  </a:lnTo>
                  <a:cubicBezTo>
                    <a:pt x="-2204" y="285380"/>
                    <a:pt x="-2204" y="271136"/>
                    <a:pt x="6613" y="262318"/>
                  </a:cubicBezTo>
                  <a:lnTo>
                    <a:pt x="262318" y="6613"/>
                  </a:lnTo>
                  <a:cubicBezTo>
                    <a:pt x="271136" y="-2204"/>
                    <a:pt x="285379" y="-2204"/>
                    <a:pt x="294197" y="6613"/>
                  </a:cubicBezTo>
                  <a:lnTo>
                    <a:pt x="326075" y="38491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D66D6E3E-589B-5450-E759-78E0DBA36150}"/>
                </a:ext>
              </a:extLst>
            </p:cNvPr>
            <p:cNvSpPr/>
            <p:nvPr/>
          </p:nvSpPr>
          <p:spPr>
            <a:xfrm>
              <a:off x="8338929" y="4941101"/>
              <a:ext cx="213405" cy="447654"/>
            </a:xfrm>
            <a:custGeom>
              <a:avLst/>
              <a:gdLst>
                <a:gd name="connsiteX0" fmla="*/ 213406 w 213405"/>
                <a:gd name="connsiteY0" fmla="*/ 447654 h 447654"/>
                <a:gd name="connsiteX1" fmla="*/ 184240 w 213405"/>
                <a:gd name="connsiteY1" fmla="*/ 301601 h 447654"/>
                <a:gd name="connsiteX2" fmla="*/ 177006 w 213405"/>
                <a:gd name="connsiteY2" fmla="*/ 274471 h 447654"/>
                <a:gd name="connsiteX3" fmla="*/ 85440 w 213405"/>
                <a:gd name="connsiteY3" fmla="*/ 0 h 447654"/>
                <a:gd name="connsiteX4" fmla="*/ 55596 w 213405"/>
                <a:gd name="connsiteY4" fmla="*/ 9948 h 447654"/>
                <a:gd name="connsiteX5" fmla="*/ 1109 w 213405"/>
                <a:gd name="connsiteY5" fmla="*/ 100836 h 447654"/>
                <a:gd name="connsiteX6" fmla="*/ 19648 w 213405"/>
                <a:gd name="connsiteY6" fmla="*/ 212297 h 447654"/>
                <a:gd name="connsiteX7" fmla="*/ 13318 w 213405"/>
                <a:gd name="connsiteY7" fmla="*/ 231966 h 447654"/>
                <a:gd name="connsiteX8" fmla="*/ 5631 w 213405"/>
                <a:gd name="connsiteY8" fmla="*/ 239653 h 4476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13405" h="447654">
                  <a:moveTo>
                    <a:pt x="213406" y="447654"/>
                  </a:moveTo>
                  <a:lnTo>
                    <a:pt x="184240" y="301601"/>
                  </a:lnTo>
                  <a:cubicBezTo>
                    <a:pt x="182432" y="292332"/>
                    <a:pt x="179945" y="283288"/>
                    <a:pt x="177006" y="274471"/>
                  </a:cubicBezTo>
                  <a:lnTo>
                    <a:pt x="85440" y="0"/>
                  </a:lnTo>
                  <a:lnTo>
                    <a:pt x="55596" y="9948"/>
                  </a:lnTo>
                  <a:cubicBezTo>
                    <a:pt x="17614" y="22835"/>
                    <a:pt x="-5447" y="61270"/>
                    <a:pt x="1109" y="100836"/>
                  </a:cubicBezTo>
                  <a:lnTo>
                    <a:pt x="19648" y="212297"/>
                  </a:lnTo>
                  <a:cubicBezTo>
                    <a:pt x="20779" y="219532"/>
                    <a:pt x="18518" y="226766"/>
                    <a:pt x="13318" y="231966"/>
                  </a:cubicBezTo>
                  <a:lnTo>
                    <a:pt x="5631" y="239653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3E6B7C8F-AB3C-A0FE-7204-A68A8A6DA663}"/>
                </a:ext>
              </a:extLst>
            </p:cNvPr>
            <p:cNvSpPr/>
            <p:nvPr/>
          </p:nvSpPr>
          <p:spPr>
            <a:xfrm>
              <a:off x="7502157" y="4561952"/>
              <a:ext cx="326075" cy="326075"/>
            </a:xfrm>
            <a:custGeom>
              <a:avLst/>
              <a:gdLst>
                <a:gd name="connsiteX0" fmla="*/ 287584 w 326075"/>
                <a:gd name="connsiteY0" fmla="*/ 0 h 326075"/>
                <a:gd name="connsiteX1" fmla="*/ 319462 w 326075"/>
                <a:gd name="connsiteY1" fmla="*/ 31878 h 326075"/>
                <a:gd name="connsiteX2" fmla="*/ 319462 w 326075"/>
                <a:gd name="connsiteY2" fmla="*/ 63757 h 326075"/>
                <a:gd name="connsiteX3" fmla="*/ 63757 w 326075"/>
                <a:gd name="connsiteY3" fmla="*/ 319462 h 326075"/>
                <a:gd name="connsiteX4" fmla="*/ 31878 w 326075"/>
                <a:gd name="connsiteY4" fmla="*/ 319462 h 326075"/>
                <a:gd name="connsiteX5" fmla="*/ 0 w 326075"/>
                <a:gd name="connsiteY5" fmla="*/ 287584 h 3260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6075" h="326075">
                  <a:moveTo>
                    <a:pt x="287584" y="0"/>
                  </a:moveTo>
                  <a:lnTo>
                    <a:pt x="319462" y="31878"/>
                  </a:lnTo>
                  <a:cubicBezTo>
                    <a:pt x="328280" y="40696"/>
                    <a:pt x="328280" y="54939"/>
                    <a:pt x="319462" y="63757"/>
                  </a:cubicBezTo>
                  <a:lnTo>
                    <a:pt x="63757" y="319462"/>
                  </a:lnTo>
                  <a:cubicBezTo>
                    <a:pt x="54940" y="328279"/>
                    <a:pt x="40696" y="328279"/>
                    <a:pt x="31878" y="319462"/>
                  </a:cubicBezTo>
                  <a:lnTo>
                    <a:pt x="0" y="287584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AE633C7A-8211-6AF8-A6BA-94558CCE1A61}"/>
                </a:ext>
              </a:extLst>
            </p:cNvPr>
            <p:cNvSpPr/>
            <p:nvPr/>
          </p:nvSpPr>
          <p:spPr>
            <a:xfrm>
              <a:off x="8269499" y="5574600"/>
              <a:ext cx="59008" cy="37982"/>
            </a:xfrm>
            <a:custGeom>
              <a:avLst/>
              <a:gdLst>
                <a:gd name="connsiteX0" fmla="*/ 0 w 59008"/>
                <a:gd name="connsiteY0" fmla="*/ 0 h 37982"/>
                <a:gd name="connsiteX1" fmla="*/ 14244 w 59008"/>
                <a:gd name="connsiteY1" fmla="*/ 3165 h 37982"/>
                <a:gd name="connsiteX2" fmla="*/ 36400 w 59008"/>
                <a:gd name="connsiteY2" fmla="*/ 15374 h 37982"/>
                <a:gd name="connsiteX3" fmla="*/ 59009 w 59008"/>
                <a:gd name="connsiteY3" fmla="*/ 37983 h 379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59008" h="37982">
                  <a:moveTo>
                    <a:pt x="0" y="0"/>
                  </a:moveTo>
                  <a:lnTo>
                    <a:pt x="14244" y="3165"/>
                  </a:lnTo>
                  <a:cubicBezTo>
                    <a:pt x="22609" y="4974"/>
                    <a:pt x="30296" y="9270"/>
                    <a:pt x="36400" y="15374"/>
                  </a:cubicBezTo>
                  <a:lnTo>
                    <a:pt x="59009" y="37983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C9A68342-D6E9-2137-983B-8E456C890248}"/>
                </a:ext>
              </a:extLst>
            </p:cNvPr>
            <p:cNvSpPr/>
            <p:nvPr/>
          </p:nvSpPr>
          <p:spPr>
            <a:xfrm>
              <a:off x="7581965" y="4865588"/>
              <a:ext cx="66696" cy="264296"/>
            </a:xfrm>
            <a:custGeom>
              <a:avLst/>
              <a:gdLst>
                <a:gd name="connsiteX0" fmla="*/ 0 w 66696"/>
                <a:gd name="connsiteY0" fmla="*/ 0 h 264296"/>
                <a:gd name="connsiteX1" fmla="*/ 29166 w 66696"/>
                <a:gd name="connsiteY1" fmla="*/ 146053 h 264296"/>
                <a:gd name="connsiteX2" fmla="*/ 36400 w 66696"/>
                <a:gd name="connsiteY2" fmla="*/ 173183 h 264296"/>
                <a:gd name="connsiteX3" fmla="*/ 66696 w 66696"/>
                <a:gd name="connsiteY3" fmla="*/ 264297 h 2642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66696" h="264296">
                  <a:moveTo>
                    <a:pt x="0" y="0"/>
                  </a:moveTo>
                  <a:lnTo>
                    <a:pt x="29166" y="146053"/>
                  </a:lnTo>
                  <a:cubicBezTo>
                    <a:pt x="30974" y="155322"/>
                    <a:pt x="33461" y="164366"/>
                    <a:pt x="36400" y="173183"/>
                  </a:cubicBezTo>
                  <a:lnTo>
                    <a:pt x="66696" y="264297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3A070B4-9C96-A108-EEC1-788CB68BCE7B}"/>
                </a:ext>
              </a:extLst>
            </p:cNvPr>
            <p:cNvSpPr/>
            <p:nvPr/>
          </p:nvSpPr>
          <p:spPr>
            <a:xfrm>
              <a:off x="7805793" y="4641987"/>
              <a:ext cx="59008" cy="37982"/>
            </a:xfrm>
            <a:custGeom>
              <a:avLst/>
              <a:gdLst>
                <a:gd name="connsiteX0" fmla="*/ 59009 w 59008"/>
                <a:gd name="connsiteY0" fmla="*/ 37983 h 37982"/>
                <a:gd name="connsiteX1" fmla="*/ 44765 w 59008"/>
                <a:gd name="connsiteY1" fmla="*/ 34817 h 37982"/>
                <a:gd name="connsiteX2" fmla="*/ 22609 w 59008"/>
                <a:gd name="connsiteY2" fmla="*/ 22609 h 37982"/>
                <a:gd name="connsiteX3" fmla="*/ 0 w 59008"/>
                <a:gd name="connsiteY3" fmla="*/ 0 h 379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59008" h="37982">
                  <a:moveTo>
                    <a:pt x="59009" y="37983"/>
                  </a:moveTo>
                  <a:lnTo>
                    <a:pt x="44765" y="34817"/>
                  </a:lnTo>
                  <a:cubicBezTo>
                    <a:pt x="36400" y="33009"/>
                    <a:pt x="28713" y="28713"/>
                    <a:pt x="22609" y="22609"/>
                  </a:cubicBezTo>
                  <a:lnTo>
                    <a:pt x="0" y="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3C272346-CF65-B895-C67D-8AF0AD0987B5}"/>
                </a:ext>
              </a:extLst>
            </p:cNvPr>
            <p:cNvSpPr/>
            <p:nvPr/>
          </p:nvSpPr>
          <p:spPr>
            <a:xfrm>
              <a:off x="8514352" y="4865814"/>
              <a:ext cx="37982" cy="59008"/>
            </a:xfrm>
            <a:custGeom>
              <a:avLst/>
              <a:gdLst>
                <a:gd name="connsiteX0" fmla="*/ 0 w 37982"/>
                <a:gd name="connsiteY0" fmla="*/ 59009 h 59008"/>
                <a:gd name="connsiteX1" fmla="*/ 3165 w 37982"/>
                <a:gd name="connsiteY1" fmla="*/ 44766 h 59008"/>
                <a:gd name="connsiteX2" fmla="*/ 15374 w 37982"/>
                <a:gd name="connsiteY2" fmla="*/ 22609 h 59008"/>
                <a:gd name="connsiteX3" fmla="*/ 37983 w 37982"/>
                <a:gd name="connsiteY3" fmla="*/ 0 h 5900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7982" h="59008">
                  <a:moveTo>
                    <a:pt x="0" y="59009"/>
                  </a:moveTo>
                  <a:lnTo>
                    <a:pt x="3165" y="44766"/>
                  </a:lnTo>
                  <a:cubicBezTo>
                    <a:pt x="4974" y="36400"/>
                    <a:pt x="9270" y="28713"/>
                    <a:pt x="15374" y="22609"/>
                  </a:cubicBezTo>
                  <a:lnTo>
                    <a:pt x="37983" y="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9EEBDCE5-DB26-9661-12F8-1C7612F1DEE9}"/>
                </a:ext>
              </a:extLst>
            </p:cNvPr>
            <p:cNvSpPr/>
            <p:nvPr/>
          </p:nvSpPr>
          <p:spPr>
            <a:xfrm>
              <a:off x="7881080" y="4641987"/>
              <a:ext cx="447654" cy="227670"/>
            </a:xfrm>
            <a:custGeom>
              <a:avLst/>
              <a:gdLst>
                <a:gd name="connsiteX0" fmla="*/ 447654 w 447654"/>
                <a:gd name="connsiteY0" fmla="*/ 0 h 227670"/>
                <a:gd name="connsiteX1" fmla="*/ 301601 w 447654"/>
                <a:gd name="connsiteY1" fmla="*/ 29165 h 227670"/>
                <a:gd name="connsiteX2" fmla="*/ 274471 w 447654"/>
                <a:gd name="connsiteY2" fmla="*/ 36400 h 227670"/>
                <a:gd name="connsiteX3" fmla="*/ 0 w 447654"/>
                <a:gd name="connsiteY3" fmla="*/ 127966 h 227670"/>
                <a:gd name="connsiteX4" fmla="*/ 9948 w 447654"/>
                <a:gd name="connsiteY4" fmla="*/ 157809 h 227670"/>
                <a:gd name="connsiteX5" fmla="*/ 100835 w 447654"/>
                <a:gd name="connsiteY5" fmla="*/ 212296 h 227670"/>
                <a:gd name="connsiteX6" fmla="*/ 212297 w 447654"/>
                <a:gd name="connsiteY6" fmla="*/ 193757 h 227670"/>
                <a:gd name="connsiteX7" fmla="*/ 231966 w 447654"/>
                <a:gd name="connsiteY7" fmla="*/ 200088 h 227670"/>
                <a:gd name="connsiteX8" fmla="*/ 239653 w 447654"/>
                <a:gd name="connsiteY8" fmla="*/ 207775 h 227670"/>
                <a:gd name="connsiteX9" fmla="*/ 219757 w 447654"/>
                <a:gd name="connsiteY9" fmla="*/ 227670 h 2276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447654" h="227670">
                  <a:moveTo>
                    <a:pt x="447654" y="0"/>
                  </a:moveTo>
                  <a:lnTo>
                    <a:pt x="301601" y="29165"/>
                  </a:lnTo>
                  <a:cubicBezTo>
                    <a:pt x="292331" y="30974"/>
                    <a:pt x="283288" y="33461"/>
                    <a:pt x="274471" y="36400"/>
                  </a:cubicBezTo>
                  <a:lnTo>
                    <a:pt x="0" y="127966"/>
                  </a:lnTo>
                  <a:lnTo>
                    <a:pt x="9948" y="157809"/>
                  </a:lnTo>
                  <a:cubicBezTo>
                    <a:pt x="22835" y="195792"/>
                    <a:pt x="61270" y="218853"/>
                    <a:pt x="100835" y="212296"/>
                  </a:cubicBezTo>
                  <a:lnTo>
                    <a:pt x="212297" y="193757"/>
                  </a:lnTo>
                  <a:cubicBezTo>
                    <a:pt x="219531" y="192627"/>
                    <a:pt x="226766" y="194888"/>
                    <a:pt x="231966" y="200088"/>
                  </a:cubicBezTo>
                  <a:lnTo>
                    <a:pt x="239653" y="207775"/>
                  </a:lnTo>
                  <a:lnTo>
                    <a:pt x="219757" y="227670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279FC1AC-3431-3A21-7256-CE3FA49DEEA9}"/>
              </a:ext>
            </a:extLst>
          </p:cNvPr>
          <p:cNvGrpSpPr>
            <a:grpSpLocks noChangeAspect="1"/>
          </p:cNvGrpSpPr>
          <p:nvPr/>
        </p:nvGrpSpPr>
        <p:grpSpPr>
          <a:xfrm>
            <a:off x="9859724" y="1927826"/>
            <a:ext cx="1555494" cy="938739"/>
            <a:chOff x="517772" y="862886"/>
            <a:chExt cx="1707866" cy="1030695"/>
          </a:xfrm>
        </p:grpSpPr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3D1870A5-0EAC-AE7A-A937-D142334CFEB4}"/>
                </a:ext>
              </a:extLst>
            </p:cNvPr>
            <p:cNvSpPr/>
            <p:nvPr/>
          </p:nvSpPr>
          <p:spPr>
            <a:xfrm>
              <a:off x="1427112" y="862886"/>
              <a:ext cx="367106" cy="367166"/>
            </a:xfrm>
            <a:custGeom>
              <a:avLst/>
              <a:gdLst>
                <a:gd name="connsiteX0" fmla="*/ 183613 w 367106"/>
                <a:gd name="connsiteY0" fmla="*/ 367166 h 367166"/>
                <a:gd name="connsiteX1" fmla="*/ 367107 w 367106"/>
                <a:gd name="connsiteY1" fmla="*/ 183613 h 367166"/>
                <a:gd name="connsiteX2" fmla="*/ 183613 w 367106"/>
                <a:gd name="connsiteY2" fmla="*/ 0 h 367166"/>
                <a:gd name="connsiteX3" fmla="*/ 0 w 367106"/>
                <a:gd name="connsiteY3" fmla="*/ 183613 h 367166"/>
                <a:gd name="connsiteX4" fmla="*/ 183613 w 367106"/>
                <a:gd name="connsiteY4" fmla="*/ 367166 h 3671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67106" h="367166">
                  <a:moveTo>
                    <a:pt x="183613" y="367166"/>
                  </a:moveTo>
                  <a:cubicBezTo>
                    <a:pt x="284939" y="367166"/>
                    <a:pt x="367107" y="284998"/>
                    <a:pt x="367107" y="183613"/>
                  </a:cubicBezTo>
                  <a:cubicBezTo>
                    <a:pt x="367107" y="82227"/>
                    <a:pt x="284939" y="0"/>
                    <a:pt x="183613" y="0"/>
                  </a:cubicBezTo>
                  <a:cubicBezTo>
                    <a:pt x="82287" y="0"/>
                    <a:pt x="0" y="82168"/>
                    <a:pt x="0" y="183613"/>
                  </a:cubicBezTo>
                  <a:cubicBezTo>
                    <a:pt x="0" y="285058"/>
                    <a:pt x="82168" y="367166"/>
                    <a:pt x="183613" y="367166"/>
                  </a:cubicBez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680282C1-D973-2FA5-C7D9-10A41ED9A9AD}"/>
                </a:ext>
              </a:extLst>
            </p:cNvPr>
            <p:cNvSpPr/>
            <p:nvPr/>
          </p:nvSpPr>
          <p:spPr>
            <a:xfrm>
              <a:off x="902036" y="935355"/>
              <a:ext cx="354373" cy="354373"/>
            </a:xfrm>
            <a:custGeom>
              <a:avLst/>
              <a:gdLst>
                <a:gd name="connsiteX0" fmla="*/ 177187 w 354373"/>
                <a:gd name="connsiteY0" fmla="*/ 0 h 354373"/>
                <a:gd name="connsiteX1" fmla="*/ 0 w 354373"/>
                <a:gd name="connsiteY1" fmla="*/ 177187 h 354373"/>
                <a:gd name="connsiteX2" fmla="*/ 177187 w 354373"/>
                <a:gd name="connsiteY2" fmla="*/ 354374 h 354373"/>
                <a:gd name="connsiteX3" fmla="*/ 354374 w 354373"/>
                <a:gd name="connsiteY3" fmla="*/ 177187 h 354373"/>
                <a:gd name="connsiteX4" fmla="*/ 177187 w 354373"/>
                <a:gd name="connsiteY4" fmla="*/ 0 h 3543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4373" h="354373">
                  <a:moveTo>
                    <a:pt x="177187" y="0"/>
                  </a:moveTo>
                  <a:cubicBezTo>
                    <a:pt x="79312" y="0"/>
                    <a:pt x="0" y="79371"/>
                    <a:pt x="0" y="177187"/>
                  </a:cubicBezTo>
                  <a:cubicBezTo>
                    <a:pt x="0" y="275003"/>
                    <a:pt x="79371" y="354374"/>
                    <a:pt x="177187" y="354374"/>
                  </a:cubicBezTo>
                  <a:cubicBezTo>
                    <a:pt x="275003" y="354374"/>
                    <a:pt x="354374" y="275003"/>
                    <a:pt x="354374" y="177187"/>
                  </a:cubicBezTo>
                  <a:cubicBezTo>
                    <a:pt x="354374" y="79371"/>
                    <a:pt x="275062" y="0"/>
                    <a:pt x="177187" y="0"/>
                  </a:cubicBez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6099745D-4236-4AB2-72B5-6C619A6984FE}"/>
                </a:ext>
              </a:extLst>
            </p:cNvPr>
            <p:cNvSpPr/>
            <p:nvPr/>
          </p:nvSpPr>
          <p:spPr>
            <a:xfrm>
              <a:off x="1299785" y="1591982"/>
              <a:ext cx="145950" cy="301598"/>
            </a:xfrm>
            <a:custGeom>
              <a:avLst/>
              <a:gdLst>
                <a:gd name="connsiteX0" fmla="*/ 145950 w 145950"/>
                <a:gd name="connsiteY0" fmla="*/ 36056 h 301598"/>
                <a:gd name="connsiteX1" fmla="*/ 0 w 145950"/>
                <a:gd name="connsiteY1" fmla="*/ 0 h 301598"/>
                <a:gd name="connsiteX2" fmla="*/ 0 w 145950"/>
                <a:gd name="connsiteY2" fmla="*/ 301599 h 30159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45950" h="301598">
                  <a:moveTo>
                    <a:pt x="145950" y="36056"/>
                  </a:moveTo>
                  <a:cubicBezTo>
                    <a:pt x="119473" y="24275"/>
                    <a:pt x="30820" y="0"/>
                    <a:pt x="0" y="0"/>
                  </a:cubicBezTo>
                  <a:lnTo>
                    <a:pt x="0" y="301599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5F147780-C994-F6C6-ED22-91996204F5EF}"/>
                </a:ext>
              </a:extLst>
            </p:cNvPr>
            <p:cNvSpPr/>
            <p:nvPr/>
          </p:nvSpPr>
          <p:spPr>
            <a:xfrm>
              <a:off x="517772" y="1100281"/>
              <a:ext cx="846866" cy="793180"/>
            </a:xfrm>
            <a:custGeom>
              <a:avLst/>
              <a:gdLst>
                <a:gd name="connsiteX0" fmla="*/ 846866 w 846866"/>
                <a:gd name="connsiteY0" fmla="*/ 299521 h 793180"/>
                <a:gd name="connsiteX1" fmla="*/ 673249 w 846866"/>
                <a:gd name="connsiteY1" fmla="*/ 275007 h 793180"/>
                <a:gd name="connsiteX2" fmla="*/ 514031 w 846866"/>
                <a:gd name="connsiteY2" fmla="*/ 266439 h 793180"/>
                <a:gd name="connsiteX3" fmla="*/ 123958 w 846866"/>
                <a:gd name="connsiteY3" fmla="*/ 25589 h 793180"/>
                <a:gd name="connsiteX4" fmla="*/ 16146 w 846866"/>
                <a:gd name="connsiteY4" fmla="*/ 24161 h 793180"/>
                <a:gd name="connsiteX5" fmla="*/ 21204 w 846866"/>
                <a:gd name="connsiteY5" fmla="*/ 124416 h 793180"/>
                <a:gd name="connsiteX6" fmla="*/ 386228 w 846866"/>
                <a:gd name="connsiteY6" fmla="*/ 446542 h 793180"/>
                <a:gd name="connsiteX7" fmla="*/ 413835 w 846866"/>
                <a:gd name="connsiteY7" fmla="*/ 793181 h 7931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46866" h="793180">
                  <a:moveTo>
                    <a:pt x="846866" y="299521"/>
                  </a:moveTo>
                  <a:cubicBezTo>
                    <a:pt x="798256" y="281017"/>
                    <a:pt x="720015" y="276435"/>
                    <a:pt x="673249" y="275007"/>
                  </a:cubicBezTo>
                  <a:cubicBezTo>
                    <a:pt x="633445" y="273758"/>
                    <a:pt x="604945" y="275602"/>
                    <a:pt x="514031" y="266439"/>
                  </a:cubicBezTo>
                  <a:cubicBezTo>
                    <a:pt x="312152" y="246150"/>
                    <a:pt x="199640" y="111624"/>
                    <a:pt x="123958" y="25589"/>
                  </a:cubicBezTo>
                  <a:cubicBezTo>
                    <a:pt x="86533" y="-16953"/>
                    <a:pt x="35959" y="1432"/>
                    <a:pt x="16146" y="24161"/>
                  </a:cubicBezTo>
                  <a:cubicBezTo>
                    <a:pt x="-9914" y="54148"/>
                    <a:pt x="-1644" y="87587"/>
                    <a:pt x="21204" y="124416"/>
                  </a:cubicBezTo>
                  <a:cubicBezTo>
                    <a:pt x="178459" y="378178"/>
                    <a:pt x="386228" y="446542"/>
                    <a:pt x="386228" y="446542"/>
                  </a:cubicBezTo>
                  <a:lnTo>
                    <a:pt x="413835" y="793181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FC5D2998-6213-52D7-75FB-9A8B131C381F}"/>
                </a:ext>
              </a:extLst>
            </p:cNvPr>
            <p:cNvSpPr/>
            <p:nvPr/>
          </p:nvSpPr>
          <p:spPr>
            <a:xfrm>
              <a:off x="1364698" y="1101270"/>
              <a:ext cx="860940" cy="792311"/>
            </a:xfrm>
            <a:custGeom>
              <a:avLst/>
              <a:gdLst>
                <a:gd name="connsiteX0" fmla="*/ 433745 w 860940"/>
                <a:gd name="connsiteY0" fmla="*/ 792252 h 792311"/>
                <a:gd name="connsiteX1" fmla="*/ 471229 w 860940"/>
                <a:gd name="connsiteY1" fmla="*/ 396407 h 792311"/>
                <a:gd name="connsiteX2" fmla="*/ 841727 w 860940"/>
                <a:gd name="connsiteY2" fmla="*/ 120929 h 792311"/>
                <a:gd name="connsiteX3" fmla="*/ 841370 w 860940"/>
                <a:gd name="connsiteY3" fmla="*/ 22994 h 792311"/>
                <a:gd name="connsiteX4" fmla="*/ 737248 w 860940"/>
                <a:gd name="connsiteY4" fmla="*/ 23886 h 792311"/>
                <a:gd name="connsiteX5" fmla="*/ 360502 w 860940"/>
                <a:gd name="connsiteY5" fmla="*/ 209700 h 792311"/>
                <a:gd name="connsiteX6" fmla="*/ 190515 w 860940"/>
                <a:gd name="connsiteY6" fmla="*/ 220470 h 792311"/>
                <a:gd name="connsiteX7" fmla="*/ 0 w 860940"/>
                <a:gd name="connsiteY7" fmla="*/ 298591 h 792311"/>
                <a:gd name="connsiteX8" fmla="*/ 81870 w 860940"/>
                <a:gd name="connsiteY8" fmla="*/ 443709 h 792311"/>
                <a:gd name="connsiteX9" fmla="*/ 81870 w 860940"/>
                <a:gd name="connsiteY9" fmla="*/ 792311 h 7923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60940" h="792311">
                  <a:moveTo>
                    <a:pt x="433745" y="792252"/>
                  </a:moveTo>
                  <a:lnTo>
                    <a:pt x="471229" y="396407"/>
                  </a:lnTo>
                  <a:cubicBezTo>
                    <a:pt x="471229" y="396407"/>
                    <a:pt x="695837" y="328757"/>
                    <a:pt x="841727" y="120929"/>
                  </a:cubicBezTo>
                  <a:cubicBezTo>
                    <a:pt x="866657" y="85467"/>
                    <a:pt x="868145" y="49947"/>
                    <a:pt x="841370" y="22994"/>
                  </a:cubicBezTo>
                  <a:cubicBezTo>
                    <a:pt x="820129" y="1574"/>
                    <a:pt x="777469" y="-16097"/>
                    <a:pt x="737248" y="23886"/>
                  </a:cubicBezTo>
                  <a:cubicBezTo>
                    <a:pt x="662755" y="97903"/>
                    <a:pt x="553397" y="175251"/>
                    <a:pt x="360502" y="209700"/>
                  </a:cubicBezTo>
                  <a:cubicBezTo>
                    <a:pt x="297731" y="220946"/>
                    <a:pt x="233056" y="219577"/>
                    <a:pt x="190515" y="220470"/>
                  </a:cubicBezTo>
                  <a:cubicBezTo>
                    <a:pt x="114475" y="221957"/>
                    <a:pt x="41709" y="248791"/>
                    <a:pt x="0" y="298591"/>
                  </a:cubicBezTo>
                  <a:cubicBezTo>
                    <a:pt x="0" y="298591"/>
                    <a:pt x="81870" y="338158"/>
                    <a:pt x="81870" y="443709"/>
                  </a:cubicBezTo>
                  <a:lnTo>
                    <a:pt x="81870" y="792311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52" name="Group 51">
            <a:extLst>
              <a:ext uri="{FF2B5EF4-FFF2-40B4-BE49-F238E27FC236}">
                <a16:creationId xmlns:a16="http://schemas.microsoft.com/office/drawing/2014/main" id="{2955B1FB-697B-C408-8ADA-1064F346DC57}"/>
              </a:ext>
            </a:extLst>
          </p:cNvPr>
          <p:cNvGrpSpPr/>
          <p:nvPr/>
        </p:nvGrpSpPr>
        <p:grpSpPr>
          <a:xfrm>
            <a:off x="5518090" y="1908835"/>
            <a:ext cx="1025398" cy="1197850"/>
            <a:chOff x="1128712" y="1108075"/>
            <a:chExt cx="698501" cy="815975"/>
          </a:xfrm>
        </p:grpSpPr>
        <p:sp>
          <p:nvSpPr>
            <p:cNvPr id="39" name="Line 235">
              <a:extLst>
                <a:ext uri="{FF2B5EF4-FFF2-40B4-BE49-F238E27FC236}">
                  <a16:creationId xmlns:a16="http://schemas.microsoft.com/office/drawing/2014/main" id="{490120A8-B8DE-4021-3F7D-27CA2A35BEC2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506537" y="1168400"/>
              <a:ext cx="0" cy="0"/>
            </a:xfrm>
            <a:prstGeom prst="line">
              <a:avLst/>
            </a:pr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0" name="Freeform 236">
              <a:extLst>
                <a:ext uri="{FF2B5EF4-FFF2-40B4-BE49-F238E27FC236}">
                  <a16:creationId xmlns:a16="http://schemas.microsoft.com/office/drawing/2014/main" id="{B8E39FCD-0FA5-27B4-7004-7D6AA54B7B27}"/>
                </a:ext>
              </a:extLst>
            </p:cNvPr>
            <p:cNvSpPr>
              <a:spLocks/>
            </p:cNvSpPr>
            <p:nvPr/>
          </p:nvSpPr>
          <p:spPr bwMode="auto">
            <a:xfrm>
              <a:off x="1684337" y="1595437"/>
              <a:ext cx="112713" cy="114300"/>
            </a:xfrm>
            <a:custGeom>
              <a:avLst/>
              <a:gdLst>
                <a:gd name="T0" fmla="*/ 20 w 30"/>
                <a:gd name="T1" fmla="*/ 26 h 30"/>
                <a:gd name="T2" fmla="*/ 4 w 30"/>
                <a:gd name="T3" fmla="*/ 26 h 30"/>
                <a:gd name="T4" fmla="*/ 4 w 30"/>
                <a:gd name="T5" fmla="*/ 10 h 30"/>
                <a:gd name="T6" fmla="*/ 10 w 30"/>
                <a:gd name="T7" fmla="*/ 4 h 30"/>
                <a:gd name="T8" fmla="*/ 26 w 30"/>
                <a:gd name="T9" fmla="*/ 4 h 30"/>
                <a:gd name="T10" fmla="*/ 26 w 30"/>
                <a:gd name="T11" fmla="*/ 20 h 30"/>
                <a:gd name="T12" fmla="*/ 20 w 30"/>
                <a:gd name="T13" fmla="*/ 26 h 3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0" h="30">
                  <a:moveTo>
                    <a:pt x="20" y="26"/>
                  </a:moveTo>
                  <a:cubicBezTo>
                    <a:pt x="16" y="30"/>
                    <a:pt x="9" y="30"/>
                    <a:pt x="4" y="26"/>
                  </a:cubicBezTo>
                  <a:cubicBezTo>
                    <a:pt x="0" y="21"/>
                    <a:pt x="0" y="14"/>
                    <a:pt x="4" y="10"/>
                  </a:cubicBezTo>
                  <a:cubicBezTo>
                    <a:pt x="10" y="4"/>
                    <a:pt x="10" y="4"/>
                    <a:pt x="10" y="4"/>
                  </a:cubicBezTo>
                  <a:cubicBezTo>
                    <a:pt x="14" y="0"/>
                    <a:pt x="21" y="0"/>
                    <a:pt x="26" y="4"/>
                  </a:cubicBezTo>
                  <a:cubicBezTo>
                    <a:pt x="30" y="9"/>
                    <a:pt x="30" y="16"/>
                    <a:pt x="26" y="20"/>
                  </a:cubicBezTo>
                  <a:lnTo>
                    <a:pt x="20" y="26"/>
                  </a:lnTo>
                  <a:close/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1" name="Freeform 237">
              <a:extLst>
                <a:ext uri="{FF2B5EF4-FFF2-40B4-BE49-F238E27FC236}">
                  <a16:creationId xmlns:a16="http://schemas.microsoft.com/office/drawing/2014/main" id="{1988B1C7-8CEA-7921-488D-B49F4CB539B8}"/>
                </a:ext>
              </a:extLst>
            </p:cNvPr>
            <p:cNvSpPr>
              <a:spLocks/>
            </p:cNvSpPr>
            <p:nvPr/>
          </p:nvSpPr>
          <p:spPr bwMode="auto">
            <a:xfrm>
              <a:off x="1668462" y="1482725"/>
              <a:ext cx="128588" cy="128588"/>
            </a:xfrm>
            <a:custGeom>
              <a:avLst/>
              <a:gdLst>
                <a:gd name="T0" fmla="*/ 20 w 34"/>
                <a:gd name="T1" fmla="*/ 30 h 34"/>
                <a:gd name="T2" fmla="*/ 4 w 34"/>
                <a:gd name="T3" fmla="*/ 30 h 34"/>
                <a:gd name="T4" fmla="*/ 4 w 34"/>
                <a:gd name="T5" fmla="*/ 14 h 34"/>
                <a:gd name="T6" fmla="*/ 14 w 34"/>
                <a:gd name="T7" fmla="*/ 4 h 34"/>
                <a:gd name="T8" fmla="*/ 30 w 34"/>
                <a:gd name="T9" fmla="*/ 4 h 34"/>
                <a:gd name="T10" fmla="*/ 30 w 34"/>
                <a:gd name="T11" fmla="*/ 20 h 34"/>
                <a:gd name="T12" fmla="*/ 20 w 34"/>
                <a:gd name="T13" fmla="*/ 30 h 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4" h="34">
                  <a:moveTo>
                    <a:pt x="20" y="30"/>
                  </a:moveTo>
                  <a:cubicBezTo>
                    <a:pt x="16" y="34"/>
                    <a:pt x="9" y="34"/>
                    <a:pt x="4" y="30"/>
                  </a:cubicBezTo>
                  <a:cubicBezTo>
                    <a:pt x="0" y="25"/>
                    <a:pt x="0" y="18"/>
                    <a:pt x="4" y="14"/>
                  </a:cubicBezTo>
                  <a:cubicBezTo>
                    <a:pt x="14" y="4"/>
                    <a:pt x="14" y="4"/>
                    <a:pt x="14" y="4"/>
                  </a:cubicBezTo>
                  <a:cubicBezTo>
                    <a:pt x="18" y="0"/>
                    <a:pt x="25" y="0"/>
                    <a:pt x="30" y="4"/>
                  </a:cubicBezTo>
                  <a:cubicBezTo>
                    <a:pt x="34" y="9"/>
                    <a:pt x="34" y="16"/>
                    <a:pt x="30" y="20"/>
                  </a:cubicBezTo>
                  <a:lnTo>
                    <a:pt x="20" y="30"/>
                  </a:lnTo>
                  <a:close/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2" name="Freeform 238">
              <a:extLst>
                <a:ext uri="{FF2B5EF4-FFF2-40B4-BE49-F238E27FC236}">
                  <a16:creationId xmlns:a16="http://schemas.microsoft.com/office/drawing/2014/main" id="{518603F5-9BDA-9D44-1B9F-AC2DD3FA71D6}"/>
                </a:ext>
              </a:extLst>
            </p:cNvPr>
            <p:cNvSpPr>
              <a:spLocks/>
            </p:cNvSpPr>
            <p:nvPr/>
          </p:nvSpPr>
          <p:spPr bwMode="auto">
            <a:xfrm>
              <a:off x="1654175" y="1362075"/>
              <a:ext cx="142875" cy="142875"/>
            </a:xfrm>
            <a:custGeom>
              <a:avLst/>
              <a:gdLst>
                <a:gd name="T0" fmla="*/ 20 w 38"/>
                <a:gd name="T1" fmla="*/ 34 h 38"/>
                <a:gd name="T2" fmla="*/ 4 w 38"/>
                <a:gd name="T3" fmla="*/ 34 h 38"/>
                <a:gd name="T4" fmla="*/ 4 w 38"/>
                <a:gd name="T5" fmla="*/ 18 h 38"/>
                <a:gd name="T6" fmla="*/ 18 w 38"/>
                <a:gd name="T7" fmla="*/ 4 h 38"/>
                <a:gd name="T8" fmla="*/ 34 w 38"/>
                <a:gd name="T9" fmla="*/ 4 h 38"/>
                <a:gd name="T10" fmla="*/ 34 w 38"/>
                <a:gd name="T11" fmla="*/ 20 h 38"/>
                <a:gd name="T12" fmla="*/ 20 w 38"/>
                <a:gd name="T13" fmla="*/ 34 h 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8" h="38">
                  <a:moveTo>
                    <a:pt x="20" y="34"/>
                  </a:moveTo>
                  <a:cubicBezTo>
                    <a:pt x="16" y="38"/>
                    <a:pt x="9" y="38"/>
                    <a:pt x="4" y="34"/>
                  </a:cubicBezTo>
                  <a:cubicBezTo>
                    <a:pt x="0" y="29"/>
                    <a:pt x="0" y="22"/>
                    <a:pt x="4" y="18"/>
                  </a:cubicBezTo>
                  <a:cubicBezTo>
                    <a:pt x="18" y="4"/>
                    <a:pt x="18" y="4"/>
                    <a:pt x="18" y="4"/>
                  </a:cubicBezTo>
                  <a:cubicBezTo>
                    <a:pt x="22" y="0"/>
                    <a:pt x="29" y="0"/>
                    <a:pt x="34" y="4"/>
                  </a:cubicBezTo>
                  <a:cubicBezTo>
                    <a:pt x="38" y="9"/>
                    <a:pt x="38" y="16"/>
                    <a:pt x="34" y="20"/>
                  </a:cubicBezTo>
                  <a:lnTo>
                    <a:pt x="20" y="34"/>
                  </a:lnTo>
                  <a:close/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3" name="Freeform 239">
              <a:extLst>
                <a:ext uri="{FF2B5EF4-FFF2-40B4-BE49-F238E27FC236}">
                  <a16:creationId xmlns:a16="http://schemas.microsoft.com/office/drawing/2014/main" id="{4E4009BD-F744-06DB-BF81-51C43D367663}"/>
                </a:ext>
              </a:extLst>
            </p:cNvPr>
            <p:cNvSpPr>
              <a:spLocks/>
            </p:cNvSpPr>
            <p:nvPr/>
          </p:nvSpPr>
          <p:spPr bwMode="auto">
            <a:xfrm>
              <a:off x="1701800" y="1179512"/>
              <a:ext cx="125413" cy="185738"/>
            </a:xfrm>
            <a:custGeom>
              <a:avLst/>
              <a:gdLst>
                <a:gd name="T0" fmla="*/ 0 w 33"/>
                <a:gd name="T1" fmla="*/ 49 h 49"/>
                <a:gd name="T2" fmla="*/ 29 w 33"/>
                <a:gd name="T3" fmla="*/ 20 h 49"/>
                <a:gd name="T4" fmla="*/ 29 w 33"/>
                <a:gd name="T5" fmla="*/ 4 h 49"/>
                <a:gd name="T6" fmla="*/ 13 w 33"/>
                <a:gd name="T7" fmla="*/ 4 h 49"/>
                <a:gd name="T8" fmla="*/ 0 w 33"/>
                <a:gd name="T9" fmla="*/ 17 h 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3" h="49">
                  <a:moveTo>
                    <a:pt x="0" y="49"/>
                  </a:moveTo>
                  <a:cubicBezTo>
                    <a:pt x="29" y="20"/>
                    <a:pt x="29" y="20"/>
                    <a:pt x="29" y="20"/>
                  </a:cubicBezTo>
                  <a:cubicBezTo>
                    <a:pt x="33" y="16"/>
                    <a:pt x="33" y="9"/>
                    <a:pt x="29" y="4"/>
                  </a:cubicBezTo>
                  <a:cubicBezTo>
                    <a:pt x="24" y="0"/>
                    <a:pt x="17" y="0"/>
                    <a:pt x="13" y="4"/>
                  </a:cubicBezTo>
                  <a:cubicBezTo>
                    <a:pt x="0" y="17"/>
                    <a:pt x="0" y="17"/>
                    <a:pt x="0" y="17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4" name="Line 240">
              <a:extLst>
                <a:ext uri="{FF2B5EF4-FFF2-40B4-BE49-F238E27FC236}">
                  <a16:creationId xmlns:a16="http://schemas.microsoft.com/office/drawing/2014/main" id="{38F91EC8-FFC9-943C-4DAD-127F34476C73}"/>
                </a:ext>
              </a:extLst>
            </p:cNvPr>
            <p:cNvSpPr>
              <a:spLocks noChangeShapeType="1"/>
            </p:cNvSpPr>
            <p:nvPr/>
          </p:nvSpPr>
          <p:spPr bwMode="auto">
            <a:xfrm flipH="1">
              <a:off x="1476375" y="1712912"/>
              <a:ext cx="60325" cy="0"/>
            </a:xfrm>
            <a:prstGeom prst="line">
              <a:avLst/>
            </a:pr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5" name="Freeform 241">
              <a:extLst>
                <a:ext uri="{FF2B5EF4-FFF2-40B4-BE49-F238E27FC236}">
                  <a16:creationId xmlns:a16="http://schemas.microsoft.com/office/drawing/2014/main" id="{A9E33D9A-97E2-CC70-5D4E-507F4FEA91D4}"/>
                </a:ext>
              </a:extLst>
            </p:cNvPr>
            <p:cNvSpPr>
              <a:spLocks/>
            </p:cNvSpPr>
            <p:nvPr/>
          </p:nvSpPr>
          <p:spPr bwMode="auto">
            <a:xfrm>
              <a:off x="1128712" y="1258887"/>
              <a:ext cx="241300" cy="484188"/>
            </a:xfrm>
            <a:custGeom>
              <a:avLst/>
              <a:gdLst>
                <a:gd name="T0" fmla="*/ 48 w 64"/>
                <a:gd name="T1" fmla="*/ 80 h 128"/>
                <a:gd name="T2" fmla="*/ 47 w 64"/>
                <a:gd name="T3" fmla="*/ 3 h 128"/>
                <a:gd name="T4" fmla="*/ 35 w 64"/>
                <a:gd name="T5" fmla="*/ 9 h 128"/>
                <a:gd name="T6" fmla="*/ 17 w 64"/>
                <a:gd name="T7" fmla="*/ 62 h 128"/>
                <a:gd name="T8" fmla="*/ 8 w 64"/>
                <a:gd name="T9" fmla="*/ 90 h 128"/>
                <a:gd name="T10" fmla="*/ 8 w 64"/>
                <a:gd name="T11" fmla="*/ 110 h 128"/>
                <a:gd name="T12" fmla="*/ 1 w 64"/>
                <a:gd name="T13" fmla="*/ 127 h 128"/>
                <a:gd name="T14" fmla="*/ 0 w 64"/>
                <a:gd name="T15" fmla="*/ 128 h 1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64" h="128">
                  <a:moveTo>
                    <a:pt x="48" y="80"/>
                  </a:moveTo>
                  <a:cubicBezTo>
                    <a:pt x="60" y="44"/>
                    <a:pt x="64" y="12"/>
                    <a:pt x="47" y="3"/>
                  </a:cubicBezTo>
                  <a:cubicBezTo>
                    <a:pt x="42" y="0"/>
                    <a:pt x="36" y="4"/>
                    <a:pt x="35" y="9"/>
                  </a:cubicBezTo>
                  <a:cubicBezTo>
                    <a:pt x="33" y="35"/>
                    <a:pt x="24" y="52"/>
                    <a:pt x="17" y="62"/>
                  </a:cubicBezTo>
                  <a:cubicBezTo>
                    <a:pt x="11" y="70"/>
                    <a:pt x="8" y="80"/>
                    <a:pt x="8" y="90"/>
                  </a:cubicBezTo>
                  <a:cubicBezTo>
                    <a:pt x="8" y="110"/>
                    <a:pt x="8" y="110"/>
                    <a:pt x="8" y="110"/>
                  </a:cubicBezTo>
                  <a:cubicBezTo>
                    <a:pt x="8" y="116"/>
                    <a:pt x="5" y="123"/>
                    <a:pt x="1" y="127"/>
                  </a:cubicBezTo>
                  <a:cubicBezTo>
                    <a:pt x="0" y="128"/>
                    <a:pt x="0" y="128"/>
                    <a:pt x="0" y="128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6" name="Freeform 242">
              <a:extLst>
                <a:ext uri="{FF2B5EF4-FFF2-40B4-BE49-F238E27FC236}">
                  <a16:creationId xmlns:a16="http://schemas.microsoft.com/office/drawing/2014/main" id="{2394C44E-61D1-56C3-405F-F4EB13FB5EE8}"/>
                </a:ext>
              </a:extLst>
            </p:cNvPr>
            <p:cNvSpPr>
              <a:spLocks/>
            </p:cNvSpPr>
            <p:nvPr/>
          </p:nvSpPr>
          <p:spPr bwMode="auto">
            <a:xfrm>
              <a:off x="1309687" y="1108075"/>
              <a:ext cx="392113" cy="695325"/>
            </a:xfrm>
            <a:custGeom>
              <a:avLst/>
              <a:gdLst>
                <a:gd name="T0" fmla="*/ 104 w 104"/>
                <a:gd name="T1" fmla="*/ 76 h 184"/>
                <a:gd name="T2" fmla="*/ 104 w 104"/>
                <a:gd name="T3" fmla="*/ 16 h 184"/>
                <a:gd name="T4" fmla="*/ 88 w 104"/>
                <a:gd name="T5" fmla="*/ 0 h 184"/>
                <a:gd name="T6" fmla="*/ 16 w 104"/>
                <a:gd name="T7" fmla="*/ 0 h 184"/>
                <a:gd name="T8" fmla="*/ 0 w 104"/>
                <a:gd name="T9" fmla="*/ 16 h 184"/>
                <a:gd name="T10" fmla="*/ 0 w 104"/>
                <a:gd name="T11" fmla="*/ 43 h 184"/>
                <a:gd name="T12" fmla="*/ 0 w 104"/>
                <a:gd name="T13" fmla="*/ 120 h 184"/>
                <a:gd name="T14" fmla="*/ 0 w 104"/>
                <a:gd name="T15" fmla="*/ 168 h 184"/>
                <a:gd name="T16" fmla="*/ 16 w 104"/>
                <a:gd name="T17" fmla="*/ 184 h 184"/>
                <a:gd name="T18" fmla="*/ 81 w 104"/>
                <a:gd name="T19" fmla="*/ 184 h 184"/>
                <a:gd name="T20" fmla="*/ 88 w 104"/>
                <a:gd name="T21" fmla="*/ 184 h 184"/>
                <a:gd name="T22" fmla="*/ 104 w 104"/>
                <a:gd name="T23" fmla="*/ 168 h 184"/>
                <a:gd name="T24" fmla="*/ 104 w 104"/>
                <a:gd name="T25" fmla="*/ 155 h 1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104" h="184">
                  <a:moveTo>
                    <a:pt x="104" y="76"/>
                  </a:moveTo>
                  <a:cubicBezTo>
                    <a:pt x="104" y="16"/>
                    <a:pt x="104" y="16"/>
                    <a:pt x="104" y="16"/>
                  </a:cubicBezTo>
                  <a:cubicBezTo>
                    <a:pt x="104" y="7"/>
                    <a:pt x="97" y="0"/>
                    <a:pt x="88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7" y="0"/>
                    <a:pt x="0" y="7"/>
                    <a:pt x="0" y="16"/>
                  </a:cubicBezTo>
                  <a:cubicBezTo>
                    <a:pt x="0" y="43"/>
                    <a:pt x="0" y="43"/>
                    <a:pt x="0" y="43"/>
                  </a:cubicBezTo>
                  <a:cubicBezTo>
                    <a:pt x="15" y="54"/>
                    <a:pt x="12" y="85"/>
                    <a:pt x="0" y="120"/>
                  </a:cubicBezTo>
                  <a:cubicBezTo>
                    <a:pt x="0" y="168"/>
                    <a:pt x="0" y="168"/>
                    <a:pt x="0" y="168"/>
                  </a:cubicBezTo>
                  <a:cubicBezTo>
                    <a:pt x="0" y="177"/>
                    <a:pt x="7" y="184"/>
                    <a:pt x="16" y="184"/>
                  </a:cubicBezTo>
                  <a:cubicBezTo>
                    <a:pt x="81" y="184"/>
                    <a:pt x="81" y="184"/>
                    <a:pt x="81" y="184"/>
                  </a:cubicBezTo>
                  <a:cubicBezTo>
                    <a:pt x="88" y="184"/>
                    <a:pt x="88" y="184"/>
                    <a:pt x="88" y="184"/>
                  </a:cubicBezTo>
                  <a:cubicBezTo>
                    <a:pt x="97" y="184"/>
                    <a:pt x="104" y="177"/>
                    <a:pt x="104" y="168"/>
                  </a:cubicBezTo>
                  <a:cubicBezTo>
                    <a:pt x="104" y="155"/>
                    <a:pt x="104" y="155"/>
                    <a:pt x="104" y="155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7" name="Freeform 243">
              <a:extLst>
                <a:ext uri="{FF2B5EF4-FFF2-40B4-BE49-F238E27FC236}">
                  <a16:creationId xmlns:a16="http://schemas.microsoft.com/office/drawing/2014/main" id="{7432790C-D64F-A4D5-B8DE-846EB4668F19}"/>
                </a:ext>
              </a:extLst>
            </p:cNvPr>
            <p:cNvSpPr>
              <a:spLocks/>
            </p:cNvSpPr>
            <p:nvPr/>
          </p:nvSpPr>
          <p:spPr bwMode="auto">
            <a:xfrm>
              <a:off x="1355725" y="1803400"/>
              <a:ext cx="225425" cy="120650"/>
            </a:xfrm>
            <a:custGeom>
              <a:avLst/>
              <a:gdLst>
                <a:gd name="T0" fmla="*/ 60 w 60"/>
                <a:gd name="T1" fmla="*/ 0 h 32"/>
                <a:gd name="T2" fmla="*/ 16 w 60"/>
                <a:gd name="T3" fmla="*/ 24 h 32"/>
                <a:gd name="T4" fmla="*/ 2 w 60"/>
                <a:gd name="T5" fmla="*/ 30 h 32"/>
                <a:gd name="T6" fmla="*/ 0 w 60"/>
                <a:gd name="T7" fmla="*/ 3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60" h="32">
                  <a:moveTo>
                    <a:pt x="60" y="0"/>
                  </a:moveTo>
                  <a:cubicBezTo>
                    <a:pt x="49" y="13"/>
                    <a:pt x="34" y="21"/>
                    <a:pt x="16" y="24"/>
                  </a:cubicBezTo>
                  <a:cubicBezTo>
                    <a:pt x="11" y="24"/>
                    <a:pt x="6" y="26"/>
                    <a:pt x="2" y="30"/>
                  </a:cubicBezTo>
                  <a:cubicBezTo>
                    <a:pt x="0" y="32"/>
                    <a:pt x="0" y="32"/>
                    <a:pt x="0" y="32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8" name="Freeform 244">
              <a:extLst>
                <a:ext uri="{FF2B5EF4-FFF2-40B4-BE49-F238E27FC236}">
                  <a16:creationId xmlns:a16="http://schemas.microsoft.com/office/drawing/2014/main" id="{9A591EBF-AFDB-CA5A-6B1C-3E9B5A687461}"/>
                </a:ext>
              </a:extLst>
            </p:cNvPr>
            <p:cNvSpPr>
              <a:spLocks/>
            </p:cNvSpPr>
            <p:nvPr/>
          </p:nvSpPr>
          <p:spPr bwMode="auto">
            <a:xfrm>
              <a:off x="1430337" y="1258887"/>
              <a:ext cx="150813" cy="152400"/>
            </a:xfrm>
            <a:custGeom>
              <a:avLst/>
              <a:gdLst>
                <a:gd name="T0" fmla="*/ 40 w 40"/>
                <a:gd name="T1" fmla="*/ 28 h 40"/>
                <a:gd name="T2" fmla="*/ 40 w 40"/>
                <a:gd name="T3" fmla="*/ 36 h 40"/>
                <a:gd name="T4" fmla="*/ 36 w 40"/>
                <a:gd name="T5" fmla="*/ 40 h 40"/>
                <a:gd name="T6" fmla="*/ 4 w 40"/>
                <a:gd name="T7" fmla="*/ 40 h 40"/>
                <a:gd name="T8" fmla="*/ 0 w 40"/>
                <a:gd name="T9" fmla="*/ 36 h 40"/>
                <a:gd name="T10" fmla="*/ 0 w 40"/>
                <a:gd name="T11" fmla="*/ 4 h 40"/>
                <a:gd name="T12" fmla="*/ 4 w 40"/>
                <a:gd name="T13" fmla="*/ 0 h 40"/>
                <a:gd name="T14" fmla="*/ 28 w 40"/>
                <a:gd name="T15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40" h="40">
                  <a:moveTo>
                    <a:pt x="40" y="28"/>
                  </a:moveTo>
                  <a:cubicBezTo>
                    <a:pt x="40" y="36"/>
                    <a:pt x="40" y="36"/>
                    <a:pt x="40" y="36"/>
                  </a:cubicBezTo>
                  <a:cubicBezTo>
                    <a:pt x="40" y="38"/>
                    <a:pt x="38" y="40"/>
                    <a:pt x="36" y="40"/>
                  </a:cubicBezTo>
                  <a:cubicBezTo>
                    <a:pt x="4" y="40"/>
                    <a:pt x="4" y="40"/>
                    <a:pt x="4" y="40"/>
                  </a:cubicBezTo>
                  <a:cubicBezTo>
                    <a:pt x="2" y="40"/>
                    <a:pt x="0" y="38"/>
                    <a:pt x="0" y="3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2" y="0"/>
                    <a:pt x="4" y="0"/>
                  </a:cubicBezTo>
                  <a:cubicBezTo>
                    <a:pt x="28" y="0"/>
                    <a:pt x="28" y="0"/>
                    <a:pt x="28" y="0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49" name="Freeform 245">
              <a:extLst>
                <a:ext uri="{FF2B5EF4-FFF2-40B4-BE49-F238E27FC236}">
                  <a16:creationId xmlns:a16="http://schemas.microsoft.com/office/drawing/2014/main" id="{C2E62D34-47E5-D7D5-AD27-CE573742FCAE}"/>
                </a:ext>
              </a:extLst>
            </p:cNvPr>
            <p:cNvSpPr>
              <a:spLocks/>
            </p:cNvSpPr>
            <p:nvPr/>
          </p:nvSpPr>
          <p:spPr bwMode="auto">
            <a:xfrm>
              <a:off x="1490662" y="1258887"/>
              <a:ext cx="120650" cy="92075"/>
            </a:xfrm>
            <a:custGeom>
              <a:avLst/>
              <a:gdLst>
                <a:gd name="T0" fmla="*/ 76 w 76"/>
                <a:gd name="T1" fmla="*/ 0 h 58"/>
                <a:gd name="T2" fmla="*/ 57 w 76"/>
                <a:gd name="T3" fmla="*/ 19 h 58"/>
                <a:gd name="T4" fmla="*/ 19 w 76"/>
                <a:gd name="T5" fmla="*/ 58 h 58"/>
                <a:gd name="T6" fmla="*/ 0 w 76"/>
                <a:gd name="T7" fmla="*/ 39 h 5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6" h="58">
                  <a:moveTo>
                    <a:pt x="76" y="0"/>
                  </a:moveTo>
                  <a:lnTo>
                    <a:pt x="57" y="19"/>
                  </a:lnTo>
                  <a:lnTo>
                    <a:pt x="19" y="58"/>
                  </a:lnTo>
                  <a:lnTo>
                    <a:pt x="0" y="39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50" name="Freeform 246">
              <a:extLst>
                <a:ext uri="{FF2B5EF4-FFF2-40B4-BE49-F238E27FC236}">
                  <a16:creationId xmlns:a16="http://schemas.microsoft.com/office/drawing/2014/main" id="{1BB0E0AB-082A-00FE-7B45-58A28A465B73}"/>
                </a:ext>
              </a:extLst>
            </p:cNvPr>
            <p:cNvSpPr>
              <a:spLocks/>
            </p:cNvSpPr>
            <p:nvPr/>
          </p:nvSpPr>
          <p:spPr bwMode="auto">
            <a:xfrm>
              <a:off x="1430337" y="1471612"/>
              <a:ext cx="150813" cy="150813"/>
            </a:xfrm>
            <a:custGeom>
              <a:avLst/>
              <a:gdLst>
                <a:gd name="T0" fmla="*/ 40 w 40"/>
                <a:gd name="T1" fmla="*/ 28 h 40"/>
                <a:gd name="T2" fmla="*/ 40 w 40"/>
                <a:gd name="T3" fmla="*/ 36 h 40"/>
                <a:gd name="T4" fmla="*/ 36 w 40"/>
                <a:gd name="T5" fmla="*/ 40 h 40"/>
                <a:gd name="T6" fmla="*/ 4 w 40"/>
                <a:gd name="T7" fmla="*/ 40 h 40"/>
                <a:gd name="T8" fmla="*/ 0 w 40"/>
                <a:gd name="T9" fmla="*/ 36 h 40"/>
                <a:gd name="T10" fmla="*/ 0 w 40"/>
                <a:gd name="T11" fmla="*/ 4 h 40"/>
                <a:gd name="T12" fmla="*/ 4 w 40"/>
                <a:gd name="T13" fmla="*/ 0 h 40"/>
                <a:gd name="T14" fmla="*/ 28 w 40"/>
                <a:gd name="T15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40" h="40">
                  <a:moveTo>
                    <a:pt x="40" y="28"/>
                  </a:moveTo>
                  <a:cubicBezTo>
                    <a:pt x="40" y="36"/>
                    <a:pt x="40" y="36"/>
                    <a:pt x="40" y="36"/>
                  </a:cubicBezTo>
                  <a:cubicBezTo>
                    <a:pt x="40" y="38"/>
                    <a:pt x="38" y="40"/>
                    <a:pt x="36" y="40"/>
                  </a:cubicBezTo>
                  <a:cubicBezTo>
                    <a:pt x="4" y="40"/>
                    <a:pt x="4" y="40"/>
                    <a:pt x="4" y="40"/>
                  </a:cubicBezTo>
                  <a:cubicBezTo>
                    <a:pt x="2" y="40"/>
                    <a:pt x="0" y="38"/>
                    <a:pt x="0" y="3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2" y="0"/>
                    <a:pt x="4" y="0"/>
                  </a:cubicBezTo>
                  <a:cubicBezTo>
                    <a:pt x="28" y="0"/>
                    <a:pt x="28" y="0"/>
                    <a:pt x="28" y="0"/>
                  </a:cubicBez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51" name="Freeform 247">
              <a:extLst>
                <a:ext uri="{FF2B5EF4-FFF2-40B4-BE49-F238E27FC236}">
                  <a16:creationId xmlns:a16="http://schemas.microsoft.com/office/drawing/2014/main" id="{9F5D98A8-805C-2405-7409-425BC5EF38D0}"/>
                </a:ext>
              </a:extLst>
            </p:cNvPr>
            <p:cNvSpPr>
              <a:spLocks/>
            </p:cNvSpPr>
            <p:nvPr/>
          </p:nvSpPr>
          <p:spPr bwMode="auto">
            <a:xfrm>
              <a:off x="1490662" y="1471612"/>
              <a:ext cx="120650" cy="90488"/>
            </a:xfrm>
            <a:custGeom>
              <a:avLst/>
              <a:gdLst>
                <a:gd name="T0" fmla="*/ 76 w 76"/>
                <a:gd name="T1" fmla="*/ 0 h 57"/>
                <a:gd name="T2" fmla="*/ 57 w 76"/>
                <a:gd name="T3" fmla="*/ 19 h 57"/>
                <a:gd name="T4" fmla="*/ 19 w 76"/>
                <a:gd name="T5" fmla="*/ 57 h 57"/>
                <a:gd name="T6" fmla="*/ 0 w 76"/>
                <a:gd name="T7" fmla="*/ 38 h 5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6" h="57">
                  <a:moveTo>
                    <a:pt x="76" y="0"/>
                  </a:moveTo>
                  <a:lnTo>
                    <a:pt x="57" y="19"/>
                  </a:lnTo>
                  <a:lnTo>
                    <a:pt x="19" y="57"/>
                  </a:lnTo>
                  <a:lnTo>
                    <a:pt x="0" y="38"/>
                  </a:lnTo>
                </a:path>
              </a:pathLst>
            </a:custGeom>
            <a:noFill/>
            <a:ln w="285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grpSp>
        <p:nvGrpSpPr>
          <p:cNvPr id="53" name="Group 52">
            <a:extLst>
              <a:ext uri="{FF2B5EF4-FFF2-40B4-BE49-F238E27FC236}">
                <a16:creationId xmlns:a16="http://schemas.microsoft.com/office/drawing/2014/main" id="{E2A57806-288E-50A5-80CC-23D0D70AFFBC}"/>
              </a:ext>
            </a:extLst>
          </p:cNvPr>
          <p:cNvGrpSpPr/>
          <p:nvPr/>
        </p:nvGrpSpPr>
        <p:grpSpPr>
          <a:xfrm>
            <a:off x="3237536" y="1942157"/>
            <a:ext cx="1094361" cy="1016856"/>
            <a:chOff x="882152" y="865780"/>
            <a:chExt cx="1094361" cy="1016856"/>
          </a:xfrm>
        </p:grpSpPr>
        <p:sp>
          <p:nvSpPr>
            <p:cNvPr id="54" name="Freeform 171">
              <a:extLst>
                <a:ext uri="{FF2B5EF4-FFF2-40B4-BE49-F238E27FC236}">
                  <a16:creationId xmlns:a16="http://schemas.microsoft.com/office/drawing/2014/main" id="{1AE573D1-DD54-EAD4-545D-3CB2036EF57C}"/>
                </a:ext>
              </a:extLst>
            </p:cNvPr>
            <p:cNvSpPr>
              <a:spLocks/>
            </p:cNvSpPr>
            <p:nvPr/>
          </p:nvSpPr>
          <p:spPr bwMode="auto">
            <a:xfrm>
              <a:off x="1353378" y="1020789"/>
              <a:ext cx="455726" cy="455726"/>
            </a:xfrm>
            <a:custGeom>
              <a:avLst/>
              <a:gdLst>
                <a:gd name="T0" fmla="*/ 62 w 62"/>
                <a:gd name="T1" fmla="*/ 36 h 62"/>
                <a:gd name="T2" fmla="*/ 62 w 62"/>
                <a:gd name="T3" fmla="*/ 26 h 62"/>
                <a:gd name="T4" fmla="*/ 56 w 62"/>
                <a:gd name="T5" fmla="*/ 25 h 62"/>
                <a:gd name="T6" fmla="*/ 53 w 62"/>
                <a:gd name="T7" fmla="*/ 17 h 62"/>
                <a:gd name="T8" fmla="*/ 57 w 62"/>
                <a:gd name="T9" fmla="*/ 12 h 62"/>
                <a:gd name="T10" fmla="*/ 50 w 62"/>
                <a:gd name="T11" fmla="*/ 5 h 62"/>
                <a:gd name="T12" fmla="*/ 45 w 62"/>
                <a:gd name="T13" fmla="*/ 9 h 62"/>
                <a:gd name="T14" fmla="*/ 37 w 62"/>
                <a:gd name="T15" fmla="*/ 6 h 62"/>
                <a:gd name="T16" fmla="*/ 36 w 62"/>
                <a:gd name="T17" fmla="*/ 0 h 62"/>
                <a:gd name="T18" fmla="*/ 26 w 62"/>
                <a:gd name="T19" fmla="*/ 0 h 62"/>
                <a:gd name="T20" fmla="*/ 25 w 62"/>
                <a:gd name="T21" fmla="*/ 6 h 62"/>
                <a:gd name="T22" fmla="*/ 18 w 62"/>
                <a:gd name="T23" fmla="*/ 9 h 62"/>
                <a:gd name="T24" fmla="*/ 12 w 62"/>
                <a:gd name="T25" fmla="*/ 5 h 62"/>
                <a:gd name="T26" fmla="*/ 6 w 62"/>
                <a:gd name="T27" fmla="*/ 12 h 62"/>
                <a:gd name="T28" fmla="*/ 10 w 62"/>
                <a:gd name="T29" fmla="*/ 17 h 62"/>
                <a:gd name="T30" fmla="*/ 6 w 62"/>
                <a:gd name="T31" fmla="*/ 25 h 62"/>
                <a:gd name="T32" fmla="*/ 0 w 62"/>
                <a:gd name="T33" fmla="*/ 26 h 62"/>
                <a:gd name="T34" fmla="*/ 0 w 62"/>
                <a:gd name="T35" fmla="*/ 36 h 62"/>
                <a:gd name="T36" fmla="*/ 6 w 62"/>
                <a:gd name="T37" fmla="*/ 37 h 62"/>
                <a:gd name="T38" fmla="*/ 10 w 62"/>
                <a:gd name="T39" fmla="*/ 44 h 62"/>
                <a:gd name="T40" fmla="*/ 6 w 62"/>
                <a:gd name="T41" fmla="*/ 50 h 62"/>
                <a:gd name="T42" fmla="*/ 12 w 62"/>
                <a:gd name="T43" fmla="*/ 56 h 62"/>
                <a:gd name="T44" fmla="*/ 18 w 62"/>
                <a:gd name="T45" fmla="*/ 52 h 62"/>
                <a:gd name="T46" fmla="*/ 25 w 62"/>
                <a:gd name="T47" fmla="*/ 56 h 62"/>
                <a:gd name="T48" fmla="*/ 26 w 62"/>
                <a:gd name="T49" fmla="*/ 62 h 62"/>
                <a:gd name="T50" fmla="*/ 36 w 62"/>
                <a:gd name="T51" fmla="*/ 62 h 62"/>
                <a:gd name="T52" fmla="*/ 37 w 62"/>
                <a:gd name="T53" fmla="*/ 56 h 62"/>
                <a:gd name="T54" fmla="*/ 45 w 62"/>
                <a:gd name="T55" fmla="*/ 52 h 62"/>
                <a:gd name="T56" fmla="*/ 50 w 62"/>
                <a:gd name="T57" fmla="*/ 56 h 62"/>
                <a:gd name="T58" fmla="*/ 57 w 62"/>
                <a:gd name="T59" fmla="*/ 50 h 62"/>
                <a:gd name="T60" fmla="*/ 53 w 62"/>
                <a:gd name="T61" fmla="*/ 44 h 62"/>
                <a:gd name="T62" fmla="*/ 56 w 62"/>
                <a:gd name="T63" fmla="*/ 37 h 62"/>
                <a:gd name="T64" fmla="*/ 62 w 62"/>
                <a:gd name="T65" fmla="*/ 36 h 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62" h="62">
                  <a:moveTo>
                    <a:pt x="62" y="36"/>
                  </a:moveTo>
                  <a:cubicBezTo>
                    <a:pt x="62" y="26"/>
                    <a:pt x="62" y="26"/>
                    <a:pt x="62" y="26"/>
                  </a:cubicBezTo>
                  <a:cubicBezTo>
                    <a:pt x="56" y="25"/>
                    <a:pt x="56" y="25"/>
                    <a:pt x="56" y="25"/>
                  </a:cubicBezTo>
                  <a:cubicBezTo>
                    <a:pt x="55" y="22"/>
                    <a:pt x="54" y="20"/>
                    <a:pt x="53" y="17"/>
                  </a:cubicBezTo>
                  <a:cubicBezTo>
                    <a:pt x="57" y="12"/>
                    <a:pt x="57" y="12"/>
                    <a:pt x="57" y="12"/>
                  </a:cubicBezTo>
                  <a:cubicBezTo>
                    <a:pt x="50" y="5"/>
                    <a:pt x="50" y="5"/>
                    <a:pt x="50" y="5"/>
                  </a:cubicBezTo>
                  <a:cubicBezTo>
                    <a:pt x="45" y="9"/>
                    <a:pt x="45" y="9"/>
                    <a:pt x="45" y="9"/>
                  </a:cubicBezTo>
                  <a:cubicBezTo>
                    <a:pt x="42" y="8"/>
                    <a:pt x="40" y="7"/>
                    <a:pt x="37" y="6"/>
                  </a:cubicBezTo>
                  <a:cubicBezTo>
                    <a:pt x="36" y="0"/>
                    <a:pt x="36" y="0"/>
                    <a:pt x="36" y="0"/>
                  </a:cubicBezTo>
                  <a:cubicBezTo>
                    <a:pt x="26" y="0"/>
                    <a:pt x="26" y="0"/>
                    <a:pt x="26" y="0"/>
                  </a:cubicBezTo>
                  <a:cubicBezTo>
                    <a:pt x="25" y="6"/>
                    <a:pt x="25" y="6"/>
                    <a:pt x="25" y="6"/>
                  </a:cubicBezTo>
                  <a:cubicBezTo>
                    <a:pt x="23" y="7"/>
                    <a:pt x="20" y="8"/>
                    <a:pt x="18" y="9"/>
                  </a:cubicBezTo>
                  <a:cubicBezTo>
                    <a:pt x="12" y="5"/>
                    <a:pt x="12" y="5"/>
                    <a:pt x="12" y="5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10" y="17"/>
                    <a:pt x="10" y="17"/>
                    <a:pt x="10" y="17"/>
                  </a:cubicBezTo>
                  <a:cubicBezTo>
                    <a:pt x="8" y="20"/>
                    <a:pt x="7" y="22"/>
                    <a:pt x="6" y="25"/>
                  </a:cubicBezTo>
                  <a:cubicBezTo>
                    <a:pt x="0" y="26"/>
                    <a:pt x="0" y="26"/>
                    <a:pt x="0" y="26"/>
                  </a:cubicBezTo>
                  <a:cubicBezTo>
                    <a:pt x="0" y="36"/>
                    <a:pt x="0" y="36"/>
                    <a:pt x="0" y="36"/>
                  </a:cubicBezTo>
                  <a:cubicBezTo>
                    <a:pt x="6" y="37"/>
                    <a:pt x="6" y="37"/>
                    <a:pt x="6" y="37"/>
                  </a:cubicBezTo>
                  <a:cubicBezTo>
                    <a:pt x="7" y="39"/>
                    <a:pt x="8" y="42"/>
                    <a:pt x="10" y="44"/>
                  </a:cubicBezTo>
                  <a:cubicBezTo>
                    <a:pt x="6" y="50"/>
                    <a:pt x="6" y="50"/>
                    <a:pt x="6" y="50"/>
                  </a:cubicBezTo>
                  <a:cubicBezTo>
                    <a:pt x="12" y="56"/>
                    <a:pt x="12" y="56"/>
                    <a:pt x="12" y="56"/>
                  </a:cubicBezTo>
                  <a:cubicBezTo>
                    <a:pt x="18" y="52"/>
                    <a:pt x="18" y="52"/>
                    <a:pt x="18" y="52"/>
                  </a:cubicBezTo>
                  <a:cubicBezTo>
                    <a:pt x="20" y="54"/>
                    <a:pt x="23" y="55"/>
                    <a:pt x="25" y="56"/>
                  </a:cubicBezTo>
                  <a:cubicBezTo>
                    <a:pt x="26" y="62"/>
                    <a:pt x="26" y="62"/>
                    <a:pt x="26" y="62"/>
                  </a:cubicBezTo>
                  <a:cubicBezTo>
                    <a:pt x="36" y="62"/>
                    <a:pt x="36" y="62"/>
                    <a:pt x="36" y="62"/>
                  </a:cubicBezTo>
                  <a:cubicBezTo>
                    <a:pt x="37" y="56"/>
                    <a:pt x="37" y="56"/>
                    <a:pt x="37" y="56"/>
                  </a:cubicBezTo>
                  <a:cubicBezTo>
                    <a:pt x="40" y="55"/>
                    <a:pt x="42" y="54"/>
                    <a:pt x="45" y="52"/>
                  </a:cubicBezTo>
                  <a:cubicBezTo>
                    <a:pt x="50" y="56"/>
                    <a:pt x="50" y="56"/>
                    <a:pt x="50" y="56"/>
                  </a:cubicBezTo>
                  <a:cubicBezTo>
                    <a:pt x="57" y="50"/>
                    <a:pt x="57" y="50"/>
                    <a:pt x="57" y="50"/>
                  </a:cubicBezTo>
                  <a:cubicBezTo>
                    <a:pt x="53" y="44"/>
                    <a:pt x="53" y="44"/>
                    <a:pt x="53" y="44"/>
                  </a:cubicBezTo>
                  <a:cubicBezTo>
                    <a:pt x="54" y="42"/>
                    <a:pt x="55" y="39"/>
                    <a:pt x="56" y="37"/>
                  </a:cubicBezTo>
                  <a:lnTo>
                    <a:pt x="62" y="36"/>
                  </a:ln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5" name="Oval 172">
              <a:extLst>
                <a:ext uri="{FF2B5EF4-FFF2-40B4-BE49-F238E27FC236}">
                  <a16:creationId xmlns:a16="http://schemas.microsoft.com/office/drawing/2014/main" id="{996D4594-73DC-9242-EC12-542F68D4850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492887" y="1160296"/>
              <a:ext cx="176711" cy="176711"/>
            </a:xfrm>
            <a:prstGeom prst="ellipse">
              <a:avLst/>
            </a:pr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6" name="Freeform 173">
              <a:extLst>
                <a:ext uri="{FF2B5EF4-FFF2-40B4-BE49-F238E27FC236}">
                  <a16:creationId xmlns:a16="http://schemas.microsoft.com/office/drawing/2014/main" id="{9B718B62-CB9B-5665-7129-FD346C1DEA87}"/>
                </a:ext>
              </a:extLst>
            </p:cNvPr>
            <p:cNvSpPr>
              <a:spLocks/>
            </p:cNvSpPr>
            <p:nvPr/>
          </p:nvSpPr>
          <p:spPr bwMode="auto">
            <a:xfrm>
              <a:off x="1226272" y="865780"/>
              <a:ext cx="750241" cy="1016856"/>
            </a:xfrm>
            <a:custGeom>
              <a:avLst/>
              <a:gdLst>
                <a:gd name="T0" fmla="*/ 84 w 102"/>
                <a:gd name="T1" fmla="*/ 138 h 138"/>
                <a:gd name="T2" fmla="*/ 84 w 102"/>
                <a:gd name="T3" fmla="*/ 110 h 138"/>
                <a:gd name="T4" fmla="*/ 96 w 102"/>
                <a:gd name="T5" fmla="*/ 107 h 138"/>
                <a:gd name="T6" fmla="*/ 96 w 102"/>
                <a:gd name="T7" fmla="*/ 84 h 138"/>
                <a:gd name="T8" fmla="*/ 102 w 102"/>
                <a:gd name="T9" fmla="*/ 84 h 138"/>
                <a:gd name="T10" fmla="*/ 102 w 102"/>
                <a:gd name="T11" fmla="*/ 78 h 138"/>
                <a:gd name="T12" fmla="*/ 93 w 102"/>
                <a:gd name="T13" fmla="*/ 62 h 138"/>
                <a:gd name="T14" fmla="*/ 93 w 102"/>
                <a:gd name="T15" fmla="*/ 56 h 138"/>
                <a:gd name="T16" fmla="*/ 99 w 102"/>
                <a:gd name="T17" fmla="*/ 53 h 138"/>
                <a:gd name="T18" fmla="*/ 42 w 102"/>
                <a:gd name="T19" fmla="*/ 4 h 138"/>
                <a:gd name="T20" fmla="*/ 12 w 102"/>
                <a:gd name="T21" fmla="*/ 22 h 138"/>
                <a:gd name="T22" fmla="*/ 1 w 102"/>
                <a:gd name="T23" fmla="*/ 57 h 138"/>
                <a:gd name="T24" fmla="*/ 4 w 102"/>
                <a:gd name="T25" fmla="*/ 72 h 138"/>
                <a:gd name="T26" fmla="*/ 17 w 102"/>
                <a:gd name="T27" fmla="*/ 107 h 138"/>
                <a:gd name="T28" fmla="*/ 17 w 102"/>
                <a:gd name="T29" fmla="*/ 138 h 1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102" h="138">
                  <a:moveTo>
                    <a:pt x="84" y="138"/>
                  </a:moveTo>
                  <a:cubicBezTo>
                    <a:pt x="84" y="110"/>
                    <a:pt x="84" y="110"/>
                    <a:pt x="84" y="110"/>
                  </a:cubicBezTo>
                  <a:cubicBezTo>
                    <a:pt x="96" y="107"/>
                    <a:pt x="96" y="107"/>
                    <a:pt x="96" y="107"/>
                  </a:cubicBezTo>
                  <a:cubicBezTo>
                    <a:pt x="96" y="84"/>
                    <a:pt x="96" y="84"/>
                    <a:pt x="96" y="84"/>
                  </a:cubicBezTo>
                  <a:cubicBezTo>
                    <a:pt x="102" y="84"/>
                    <a:pt x="102" y="84"/>
                    <a:pt x="102" y="84"/>
                  </a:cubicBezTo>
                  <a:cubicBezTo>
                    <a:pt x="102" y="78"/>
                    <a:pt x="102" y="78"/>
                    <a:pt x="102" y="78"/>
                  </a:cubicBezTo>
                  <a:cubicBezTo>
                    <a:pt x="93" y="62"/>
                    <a:pt x="93" y="62"/>
                    <a:pt x="93" y="62"/>
                  </a:cubicBezTo>
                  <a:cubicBezTo>
                    <a:pt x="93" y="56"/>
                    <a:pt x="93" y="56"/>
                    <a:pt x="93" y="56"/>
                  </a:cubicBezTo>
                  <a:cubicBezTo>
                    <a:pt x="99" y="53"/>
                    <a:pt x="99" y="53"/>
                    <a:pt x="99" y="53"/>
                  </a:cubicBezTo>
                  <a:cubicBezTo>
                    <a:pt x="99" y="24"/>
                    <a:pt x="73" y="0"/>
                    <a:pt x="42" y="4"/>
                  </a:cubicBezTo>
                  <a:cubicBezTo>
                    <a:pt x="30" y="6"/>
                    <a:pt x="19" y="13"/>
                    <a:pt x="12" y="22"/>
                  </a:cubicBezTo>
                  <a:cubicBezTo>
                    <a:pt x="4" y="32"/>
                    <a:pt x="0" y="44"/>
                    <a:pt x="1" y="57"/>
                  </a:cubicBezTo>
                  <a:cubicBezTo>
                    <a:pt x="1" y="62"/>
                    <a:pt x="3" y="67"/>
                    <a:pt x="4" y="72"/>
                  </a:cubicBezTo>
                  <a:cubicBezTo>
                    <a:pt x="17" y="107"/>
                    <a:pt x="17" y="107"/>
                    <a:pt x="17" y="107"/>
                  </a:cubicBezTo>
                  <a:cubicBezTo>
                    <a:pt x="17" y="138"/>
                    <a:pt x="17" y="138"/>
                    <a:pt x="17" y="138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7" name="Freeform 174">
              <a:extLst>
                <a:ext uri="{FF2B5EF4-FFF2-40B4-BE49-F238E27FC236}">
                  <a16:creationId xmlns:a16="http://schemas.microsoft.com/office/drawing/2014/main" id="{EF1009FB-B152-E240-E6A5-748262BF0900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957" y="1123094"/>
              <a:ext cx="198411" cy="133308"/>
            </a:xfrm>
            <a:custGeom>
              <a:avLst/>
              <a:gdLst>
                <a:gd name="T0" fmla="*/ 0 w 64"/>
                <a:gd name="T1" fmla="*/ 0 h 43"/>
                <a:gd name="T2" fmla="*/ 0 w 64"/>
                <a:gd name="T3" fmla="*/ 43 h 43"/>
                <a:gd name="T4" fmla="*/ 64 w 64"/>
                <a:gd name="T5" fmla="*/ 43 h 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4" h="43">
                  <a:moveTo>
                    <a:pt x="0" y="0"/>
                  </a:moveTo>
                  <a:lnTo>
                    <a:pt x="0" y="43"/>
                  </a:lnTo>
                  <a:lnTo>
                    <a:pt x="64" y="43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8" name="Freeform 175">
              <a:extLst>
                <a:ext uri="{FF2B5EF4-FFF2-40B4-BE49-F238E27FC236}">
                  <a16:creationId xmlns:a16="http://schemas.microsoft.com/office/drawing/2014/main" id="{B1485926-3F3E-8364-AE42-CB960212D299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555" y="1603621"/>
              <a:ext cx="322418" cy="124007"/>
            </a:xfrm>
            <a:custGeom>
              <a:avLst/>
              <a:gdLst>
                <a:gd name="T0" fmla="*/ 104 w 104"/>
                <a:gd name="T1" fmla="*/ 0 h 40"/>
                <a:gd name="T2" fmla="*/ 0 w 104"/>
                <a:gd name="T3" fmla="*/ 0 h 40"/>
                <a:gd name="T4" fmla="*/ 0 w 104"/>
                <a:gd name="T5" fmla="*/ 4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04" h="40">
                  <a:moveTo>
                    <a:pt x="104" y="0"/>
                  </a:moveTo>
                  <a:lnTo>
                    <a:pt x="0" y="0"/>
                  </a:lnTo>
                  <a:lnTo>
                    <a:pt x="0" y="40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59" name="Freeform 176">
              <a:extLst>
                <a:ext uri="{FF2B5EF4-FFF2-40B4-BE49-F238E27FC236}">
                  <a16:creationId xmlns:a16="http://schemas.microsoft.com/office/drawing/2014/main" id="{D08C4E4D-244A-FF90-C087-3FD336CF79F0}"/>
                </a:ext>
              </a:extLst>
            </p:cNvPr>
            <p:cNvSpPr>
              <a:spLocks/>
            </p:cNvSpPr>
            <p:nvPr/>
          </p:nvSpPr>
          <p:spPr bwMode="auto">
            <a:xfrm>
              <a:off x="882152" y="1727628"/>
              <a:ext cx="403022" cy="133308"/>
            </a:xfrm>
            <a:custGeom>
              <a:avLst/>
              <a:gdLst>
                <a:gd name="T0" fmla="*/ 130 w 130"/>
                <a:gd name="T1" fmla="*/ 0 h 43"/>
                <a:gd name="T2" fmla="*/ 0 w 130"/>
                <a:gd name="T3" fmla="*/ 0 h 43"/>
                <a:gd name="T4" fmla="*/ 0 w 130"/>
                <a:gd name="T5" fmla="*/ 43 h 43"/>
                <a:gd name="T6" fmla="*/ 130 w 130"/>
                <a:gd name="T7" fmla="*/ 43 h 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30" h="43">
                  <a:moveTo>
                    <a:pt x="130" y="0"/>
                  </a:moveTo>
                  <a:lnTo>
                    <a:pt x="0" y="0"/>
                  </a:lnTo>
                  <a:lnTo>
                    <a:pt x="0" y="43"/>
                  </a:lnTo>
                  <a:lnTo>
                    <a:pt x="130" y="43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60" name="Freeform 177">
              <a:extLst>
                <a:ext uri="{FF2B5EF4-FFF2-40B4-BE49-F238E27FC236}">
                  <a16:creationId xmlns:a16="http://schemas.microsoft.com/office/drawing/2014/main" id="{B21345E8-E57E-2661-E5A7-DF118DD633AF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957" y="1256402"/>
              <a:ext cx="52704" cy="347219"/>
            </a:xfrm>
            <a:custGeom>
              <a:avLst/>
              <a:gdLst>
                <a:gd name="T0" fmla="*/ 0 w 7"/>
                <a:gd name="T1" fmla="*/ 47 h 47"/>
                <a:gd name="T2" fmla="*/ 7 w 7"/>
                <a:gd name="T3" fmla="*/ 13 h 47"/>
                <a:gd name="T4" fmla="*/ 7 w 7"/>
                <a:gd name="T5" fmla="*/ 0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7" h="47">
                  <a:moveTo>
                    <a:pt x="0" y="47"/>
                  </a:moveTo>
                  <a:cubicBezTo>
                    <a:pt x="0" y="47"/>
                    <a:pt x="7" y="29"/>
                    <a:pt x="7" y="13"/>
                  </a:cubicBezTo>
                  <a:cubicBezTo>
                    <a:pt x="7" y="0"/>
                    <a:pt x="7" y="0"/>
                    <a:pt x="7" y="0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61" name="Freeform 178">
              <a:extLst>
                <a:ext uri="{FF2B5EF4-FFF2-40B4-BE49-F238E27FC236}">
                  <a16:creationId xmlns:a16="http://schemas.microsoft.com/office/drawing/2014/main" id="{12A42924-E960-A63E-6CCF-EDC3D188F059}"/>
                </a:ext>
              </a:extLst>
            </p:cNvPr>
            <p:cNvSpPr>
              <a:spLocks/>
            </p:cNvSpPr>
            <p:nvPr/>
          </p:nvSpPr>
          <p:spPr bwMode="auto">
            <a:xfrm>
              <a:off x="882152" y="887481"/>
              <a:ext cx="306918" cy="235613"/>
            </a:xfrm>
            <a:custGeom>
              <a:avLst/>
              <a:gdLst>
                <a:gd name="T0" fmla="*/ 85 w 99"/>
                <a:gd name="T1" fmla="*/ 31 h 76"/>
                <a:gd name="T2" fmla="*/ 42 w 99"/>
                <a:gd name="T3" fmla="*/ 31 h 76"/>
                <a:gd name="T4" fmla="*/ 42 w 99"/>
                <a:gd name="T5" fmla="*/ 0 h 76"/>
                <a:gd name="T6" fmla="*/ 0 w 99"/>
                <a:gd name="T7" fmla="*/ 0 h 76"/>
                <a:gd name="T8" fmla="*/ 0 w 99"/>
                <a:gd name="T9" fmla="*/ 45 h 76"/>
                <a:gd name="T10" fmla="*/ 16 w 99"/>
                <a:gd name="T11" fmla="*/ 76 h 76"/>
                <a:gd name="T12" fmla="*/ 99 w 99"/>
                <a:gd name="T13" fmla="*/ 76 h 7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99" h="76">
                  <a:moveTo>
                    <a:pt x="85" y="31"/>
                  </a:moveTo>
                  <a:lnTo>
                    <a:pt x="42" y="31"/>
                  </a:lnTo>
                  <a:lnTo>
                    <a:pt x="42" y="0"/>
                  </a:lnTo>
                  <a:lnTo>
                    <a:pt x="0" y="0"/>
                  </a:lnTo>
                  <a:lnTo>
                    <a:pt x="0" y="45"/>
                  </a:lnTo>
                  <a:lnTo>
                    <a:pt x="16" y="76"/>
                  </a:lnTo>
                  <a:lnTo>
                    <a:pt x="99" y="76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  <p:sp>
          <p:nvSpPr>
            <p:cNvPr id="62" name="Freeform 179">
              <a:extLst>
                <a:ext uri="{FF2B5EF4-FFF2-40B4-BE49-F238E27FC236}">
                  <a16:creationId xmlns:a16="http://schemas.microsoft.com/office/drawing/2014/main" id="{91A4B11B-A9BD-71BB-B2D3-A8C5CE08D6E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0166" y="887481"/>
              <a:ext cx="235613" cy="96106"/>
            </a:xfrm>
            <a:custGeom>
              <a:avLst/>
              <a:gdLst>
                <a:gd name="T0" fmla="*/ 76 w 76"/>
                <a:gd name="T1" fmla="*/ 0 h 31"/>
                <a:gd name="T2" fmla="*/ 38 w 76"/>
                <a:gd name="T3" fmla="*/ 0 h 31"/>
                <a:gd name="T4" fmla="*/ 38 w 76"/>
                <a:gd name="T5" fmla="*/ 31 h 31"/>
                <a:gd name="T6" fmla="*/ 0 w 76"/>
                <a:gd name="T7" fmla="*/ 31 h 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6" h="31">
                  <a:moveTo>
                    <a:pt x="76" y="0"/>
                  </a:moveTo>
                  <a:lnTo>
                    <a:pt x="38" y="0"/>
                  </a:lnTo>
                  <a:lnTo>
                    <a:pt x="38" y="31"/>
                  </a:lnTo>
                  <a:lnTo>
                    <a:pt x="0" y="31"/>
                  </a:ln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u="sng"/>
            </a:p>
          </p:txBody>
        </p:sp>
      </p:grpSp>
      <p:grpSp>
        <p:nvGrpSpPr>
          <p:cNvPr id="63" name="Group 62">
            <a:extLst>
              <a:ext uri="{FF2B5EF4-FFF2-40B4-BE49-F238E27FC236}">
                <a16:creationId xmlns:a16="http://schemas.microsoft.com/office/drawing/2014/main" id="{F974CC48-EF1A-4A20-7220-AE4B9610B5CB}"/>
              </a:ext>
            </a:extLst>
          </p:cNvPr>
          <p:cNvGrpSpPr>
            <a:grpSpLocks noChangeAspect="1"/>
          </p:cNvGrpSpPr>
          <p:nvPr/>
        </p:nvGrpSpPr>
        <p:grpSpPr>
          <a:xfrm>
            <a:off x="908468" y="1886478"/>
            <a:ext cx="1173480" cy="1043093"/>
            <a:chOff x="1030288" y="1065213"/>
            <a:chExt cx="685801" cy="609601"/>
          </a:xfrm>
        </p:grpSpPr>
        <p:sp>
          <p:nvSpPr>
            <p:cNvPr id="64" name="Freeform 5">
              <a:extLst>
                <a:ext uri="{FF2B5EF4-FFF2-40B4-BE49-F238E27FC236}">
                  <a16:creationId xmlns:a16="http://schemas.microsoft.com/office/drawing/2014/main" id="{80190504-16F9-A6B1-0851-48FAE3CDFC8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76326" y="1065213"/>
              <a:ext cx="639763" cy="538163"/>
            </a:xfrm>
            <a:custGeom>
              <a:avLst/>
              <a:gdLst>
                <a:gd name="T0" fmla="*/ 60 w 199"/>
                <a:gd name="T1" fmla="*/ 79 h 167"/>
                <a:gd name="T2" fmla="*/ 42 w 199"/>
                <a:gd name="T3" fmla="*/ 96 h 167"/>
                <a:gd name="T4" fmla="*/ 42 w 199"/>
                <a:gd name="T5" fmla="*/ 101 h 167"/>
                <a:gd name="T6" fmla="*/ 60 w 199"/>
                <a:gd name="T7" fmla="*/ 119 h 167"/>
                <a:gd name="T8" fmla="*/ 79 w 199"/>
                <a:gd name="T9" fmla="*/ 101 h 167"/>
                <a:gd name="T10" fmla="*/ 79 w 199"/>
                <a:gd name="T11" fmla="*/ 96 h 167"/>
                <a:gd name="T12" fmla="*/ 60 w 199"/>
                <a:gd name="T13" fmla="*/ 79 h 167"/>
                <a:gd name="T14" fmla="*/ 97 w 199"/>
                <a:gd name="T15" fmla="*/ 158 h 167"/>
                <a:gd name="T16" fmla="*/ 97 w 199"/>
                <a:gd name="T17" fmla="*/ 151 h 167"/>
                <a:gd name="T18" fmla="*/ 60 w 199"/>
                <a:gd name="T19" fmla="*/ 132 h 167"/>
                <a:gd name="T20" fmla="*/ 23 w 199"/>
                <a:gd name="T21" fmla="*/ 151 h 167"/>
                <a:gd name="T22" fmla="*/ 23 w 199"/>
                <a:gd name="T23" fmla="*/ 158 h 167"/>
                <a:gd name="T24" fmla="*/ 60 w 199"/>
                <a:gd name="T25" fmla="*/ 70 h 167"/>
                <a:gd name="T26" fmla="*/ 60 w 199"/>
                <a:gd name="T27" fmla="*/ 13 h 167"/>
                <a:gd name="T28" fmla="*/ 74 w 199"/>
                <a:gd name="T29" fmla="*/ 0 h 167"/>
                <a:gd name="T30" fmla="*/ 185 w 199"/>
                <a:gd name="T31" fmla="*/ 0 h 167"/>
                <a:gd name="T32" fmla="*/ 199 w 199"/>
                <a:gd name="T33" fmla="*/ 13 h 167"/>
                <a:gd name="T34" fmla="*/ 199 w 199"/>
                <a:gd name="T35" fmla="*/ 83 h 167"/>
                <a:gd name="T36" fmla="*/ 185 w 199"/>
                <a:gd name="T37" fmla="*/ 97 h 167"/>
                <a:gd name="T38" fmla="*/ 148 w 199"/>
                <a:gd name="T39" fmla="*/ 97 h 167"/>
                <a:gd name="T40" fmla="*/ 114 w 199"/>
                <a:gd name="T41" fmla="*/ 129 h 167"/>
                <a:gd name="T42" fmla="*/ 106 w 199"/>
                <a:gd name="T43" fmla="*/ 126 h 167"/>
                <a:gd name="T44" fmla="*/ 106 w 199"/>
                <a:gd name="T45" fmla="*/ 97 h 167"/>
                <a:gd name="T46" fmla="*/ 88 w 199"/>
                <a:gd name="T47" fmla="*/ 97 h 167"/>
                <a:gd name="T48" fmla="*/ 185 w 199"/>
                <a:gd name="T49" fmla="*/ 105 h 167"/>
                <a:gd name="T50" fmla="*/ 185 w 199"/>
                <a:gd name="T51" fmla="*/ 167 h 167"/>
                <a:gd name="T52" fmla="*/ 0 w 199"/>
                <a:gd name="T53" fmla="*/ 167 h 167"/>
                <a:gd name="T54" fmla="*/ 0 w 199"/>
                <a:gd name="T55" fmla="*/ 61 h 167"/>
                <a:gd name="T56" fmla="*/ 9 w 199"/>
                <a:gd name="T57" fmla="*/ 52 h 167"/>
                <a:gd name="T58" fmla="*/ 51 w 199"/>
                <a:gd name="T59" fmla="*/ 52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199" h="167">
                  <a:moveTo>
                    <a:pt x="60" y="79"/>
                  </a:moveTo>
                  <a:cubicBezTo>
                    <a:pt x="50" y="79"/>
                    <a:pt x="42" y="87"/>
                    <a:pt x="42" y="96"/>
                  </a:cubicBezTo>
                  <a:cubicBezTo>
                    <a:pt x="42" y="101"/>
                    <a:pt x="42" y="101"/>
                    <a:pt x="42" y="101"/>
                  </a:cubicBezTo>
                  <a:cubicBezTo>
                    <a:pt x="42" y="111"/>
                    <a:pt x="50" y="119"/>
                    <a:pt x="60" y="119"/>
                  </a:cubicBezTo>
                  <a:cubicBezTo>
                    <a:pt x="70" y="119"/>
                    <a:pt x="79" y="111"/>
                    <a:pt x="79" y="101"/>
                  </a:cubicBezTo>
                  <a:cubicBezTo>
                    <a:pt x="79" y="96"/>
                    <a:pt x="79" y="96"/>
                    <a:pt x="79" y="96"/>
                  </a:cubicBezTo>
                  <a:cubicBezTo>
                    <a:pt x="79" y="87"/>
                    <a:pt x="70" y="79"/>
                    <a:pt x="60" y="79"/>
                  </a:cubicBezTo>
                  <a:close/>
                  <a:moveTo>
                    <a:pt x="97" y="158"/>
                  </a:moveTo>
                  <a:cubicBezTo>
                    <a:pt x="97" y="151"/>
                    <a:pt x="97" y="151"/>
                    <a:pt x="97" y="151"/>
                  </a:cubicBezTo>
                  <a:cubicBezTo>
                    <a:pt x="97" y="139"/>
                    <a:pt x="70" y="132"/>
                    <a:pt x="60" y="132"/>
                  </a:cubicBezTo>
                  <a:cubicBezTo>
                    <a:pt x="50" y="132"/>
                    <a:pt x="23" y="139"/>
                    <a:pt x="23" y="151"/>
                  </a:cubicBezTo>
                  <a:cubicBezTo>
                    <a:pt x="23" y="158"/>
                    <a:pt x="23" y="158"/>
                    <a:pt x="23" y="158"/>
                  </a:cubicBezTo>
                  <a:moveTo>
                    <a:pt x="60" y="70"/>
                  </a:moveTo>
                  <a:cubicBezTo>
                    <a:pt x="60" y="13"/>
                    <a:pt x="60" y="13"/>
                    <a:pt x="60" y="13"/>
                  </a:cubicBezTo>
                  <a:cubicBezTo>
                    <a:pt x="60" y="6"/>
                    <a:pt x="66" y="0"/>
                    <a:pt x="74" y="0"/>
                  </a:cubicBezTo>
                  <a:cubicBezTo>
                    <a:pt x="185" y="0"/>
                    <a:pt x="185" y="0"/>
                    <a:pt x="185" y="0"/>
                  </a:cubicBezTo>
                  <a:cubicBezTo>
                    <a:pt x="193" y="0"/>
                    <a:pt x="199" y="6"/>
                    <a:pt x="199" y="13"/>
                  </a:cubicBezTo>
                  <a:cubicBezTo>
                    <a:pt x="199" y="83"/>
                    <a:pt x="199" y="83"/>
                    <a:pt x="199" y="83"/>
                  </a:cubicBezTo>
                  <a:cubicBezTo>
                    <a:pt x="199" y="91"/>
                    <a:pt x="193" y="97"/>
                    <a:pt x="185" y="97"/>
                  </a:cubicBezTo>
                  <a:cubicBezTo>
                    <a:pt x="148" y="97"/>
                    <a:pt x="148" y="97"/>
                    <a:pt x="148" y="97"/>
                  </a:cubicBezTo>
                  <a:cubicBezTo>
                    <a:pt x="114" y="129"/>
                    <a:pt x="114" y="129"/>
                    <a:pt x="114" y="129"/>
                  </a:cubicBezTo>
                  <a:cubicBezTo>
                    <a:pt x="111" y="131"/>
                    <a:pt x="106" y="130"/>
                    <a:pt x="106" y="126"/>
                  </a:cubicBezTo>
                  <a:cubicBezTo>
                    <a:pt x="106" y="97"/>
                    <a:pt x="106" y="97"/>
                    <a:pt x="106" y="97"/>
                  </a:cubicBezTo>
                  <a:cubicBezTo>
                    <a:pt x="88" y="97"/>
                    <a:pt x="88" y="97"/>
                    <a:pt x="88" y="97"/>
                  </a:cubicBezTo>
                  <a:moveTo>
                    <a:pt x="185" y="105"/>
                  </a:moveTo>
                  <a:cubicBezTo>
                    <a:pt x="185" y="167"/>
                    <a:pt x="185" y="167"/>
                    <a:pt x="185" y="167"/>
                  </a:cubicBezTo>
                  <a:moveTo>
                    <a:pt x="0" y="167"/>
                  </a:moveTo>
                  <a:cubicBezTo>
                    <a:pt x="0" y="61"/>
                    <a:pt x="0" y="61"/>
                    <a:pt x="0" y="61"/>
                  </a:cubicBezTo>
                  <a:cubicBezTo>
                    <a:pt x="0" y="56"/>
                    <a:pt x="4" y="52"/>
                    <a:pt x="9" y="52"/>
                  </a:cubicBezTo>
                  <a:cubicBezTo>
                    <a:pt x="51" y="52"/>
                    <a:pt x="51" y="52"/>
                    <a:pt x="51" y="52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6"/>
                </a:solidFill>
              </a:endParaRPr>
            </a:p>
          </p:txBody>
        </p:sp>
        <p:sp>
          <p:nvSpPr>
            <p:cNvPr id="65" name="Freeform 6">
              <a:extLst>
                <a:ext uri="{FF2B5EF4-FFF2-40B4-BE49-F238E27FC236}">
                  <a16:creationId xmlns:a16="http://schemas.microsoft.com/office/drawing/2014/main" id="{4070FEDA-3448-E2BD-8809-F22B8FF8D11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393826" y="1136651"/>
              <a:ext cx="180975" cy="157163"/>
            </a:xfrm>
            <a:custGeom>
              <a:avLst/>
              <a:gdLst>
                <a:gd name="T0" fmla="*/ 56 w 56"/>
                <a:gd name="T1" fmla="*/ 31 h 49"/>
                <a:gd name="T2" fmla="*/ 28 w 56"/>
                <a:gd name="T3" fmla="*/ 49 h 49"/>
                <a:gd name="T4" fmla="*/ 0 w 56"/>
                <a:gd name="T5" fmla="*/ 31 h 49"/>
                <a:gd name="T6" fmla="*/ 40 w 56"/>
                <a:gd name="T7" fmla="*/ 0 h 49"/>
                <a:gd name="T8" fmla="*/ 40 w 56"/>
                <a:gd name="T9" fmla="*/ 22 h 49"/>
                <a:gd name="T10" fmla="*/ 16 w 56"/>
                <a:gd name="T11" fmla="*/ 0 h 49"/>
                <a:gd name="T12" fmla="*/ 16 w 56"/>
                <a:gd name="T13" fmla="*/ 22 h 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56" h="49">
                  <a:moveTo>
                    <a:pt x="56" y="31"/>
                  </a:moveTo>
                  <a:cubicBezTo>
                    <a:pt x="51" y="41"/>
                    <a:pt x="41" y="49"/>
                    <a:pt x="28" y="49"/>
                  </a:cubicBezTo>
                  <a:cubicBezTo>
                    <a:pt x="15" y="49"/>
                    <a:pt x="4" y="41"/>
                    <a:pt x="0" y="31"/>
                  </a:cubicBezTo>
                  <a:moveTo>
                    <a:pt x="40" y="0"/>
                  </a:moveTo>
                  <a:cubicBezTo>
                    <a:pt x="40" y="22"/>
                    <a:pt x="40" y="22"/>
                    <a:pt x="40" y="22"/>
                  </a:cubicBezTo>
                  <a:moveTo>
                    <a:pt x="16" y="0"/>
                  </a:moveTo>
                  <a:cubicBezTo>
                    <a:pt x="16" y="22"/>
                    <a:pt x="16" y="22"/>
                    <a:pt x="16" y="22"/>
                  </a:cubicBezTo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6"/>
                </a:solidFill>
              </a:endParaRPr>
            </a:p>
          </p:txBody>
        </p:sp>
        <p:sp>
          <p:nvSpPr>
            <p:cNvPr id="66" name="Freeform 7">
              <a:extLst>
                <a:ext uri="{FF2B5EF4-FFF2-40B4-BE49-F238E27FC236}">
                  <a16:creationId xmlns:a16="http://schemas.microsoft.com/office/drawing/2014/main" id="{D953D2EC-322E-F720-27BE-6A50E18D460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30288" y="1603376"/>
              <a:ext cx="685800" cy="71438"/>
            </a:xfrm>
            <a:custGeom>
              <a:avLst/>
              <a:gdLst>
                <a:gd name="T0" fmla="*/ 213 w 213"/>
                <a:gd name="T1" fmla="*/ 0 h 22"/>
                <a:gd name="T2" fmla="*/ 130 w 213"/>
                <a:gd name="T3" fmla="*/ 0 h 22"/>
                <a:gd name="T4" fmla="*/ 120 w 213"/>
                <a:gd name="T5" fmla="*/ 9 h 22"/>
                <a:gd name="T6" fmla="*/ 97 w 213"/>
                <a:gd name="T7" fmla="*/ 9 h 22"/>
                <a:gd name="T8" fmla="*/ 88 w 213"/>
                <a:gd name="T9" fmla="*/ 0 h 22"/>
                <a:gd name="T10" fmla="*/ 0 w 213"/>
                <a:gd name="T11" fmla="*/ 0 h 22"/>
                <a:gd name="T12" fmla="*/ 0 w 213"/>
                <a:gd name="T13" fmla="*/ 4 h 22"/>
                <a:gd name="T14" fmla="*/ 19 w 213"/>
                <a:gd name="T15" fmla="*/ 22 h 22"/>
                <a:gd name="T16" fmla="*/ 194 w 213"/>
                <a:gd name="T17" fmla="*/ 22 h 22"/>
                <a:gd name="T18" fmla="*/ 213 w 213"/>
                <a:gd name="T19" fmla="*/ 4 h 22"/>
                <a:gd name="T20" fmla="*/ 213 w 213"/>
                <a:gd name="T21" fmla="*/ 0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13" h="22">
                  <a:moveTo>
                    <a:pt x="213" y="0"/>
                  </a:moveTo>
                  <a:cubicBezTo>
                    <a:pt x="130" y="0"/>
                    <a:pt x="130" y="0"/>
                    <a:pt x="130" y="0"/>
                  </a:cubicBezTo>
                  <a:cubicBezTo>
                    <a:pt x="120" y="9"/>
                    <a:pt x="120" y="9"/>
                    <a:pt x="120" y="9"/>
                  </a:cubicBezTo>
                  <a:cubicBezTo>
                    <a:pt x="97" y="9"/>
                    <a:pt x="97" y="9"/>
                    <a:pt x="97" y="9"/>
                  </a:cubicBezTo>
                  <a:cubicBezTo>
                    <a:pt x="88" y="0"/>
                    <a:pt x="88" y="0"/>
                    <a:pt x="88" y="0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4"/>
                    <a:pt x="8" y="22"/>
                    <a:pt x="19" y="22"/>
                  </a:cubicBezTo>
                  <a:cubicBezTo>
                    <a:pt x="194" y="22"/>
                    <a:pt x="194" y="22"/>
                    <a:pt x="194" y="22"/>
                  </a:cubicBezTo>
                  <a:cubicBezTo>
                    <a:pt x="205" y="22"/>
                    <a:pt x="213" y="14"/>
                    <a:pt x="213" y="4"/>
                  </a:cubicBezTo>
                  <a:lnTo>
                    <a:pt x="213" y="0"/>
                  </a:lnTo>
                  <a:close/>
                </a:path>
              </a:pathLst>
            </a:custGeom>
            <a:noFill/>
            <a:ln w="28575" cap="flat">
              <a:solidFill>
                <a:schemeClr val="bg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accent6"/>
                </a:solidFill>
              </a:endParaRPr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91347276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B44DB21-05B5-1878-88B8-7ACFBA7DA8B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4A0C2348-AD58-5011-5E75-B0FDC2DC824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D907398-7B5E-31F3-F65F-9B5566A94E50}"/>
              </a:ext>
            </a:extLst>
          </p:cNvPr>
          <p:cNvSpPr txBox="1"/>
          <p:nvPr/>
        </p:nvSpPr>
        <p:spPr>
          <a:xfrm>
            <a:off x="4038600" y="2967335"/>
            <a:ext cx="7543800" cy="923330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0" b="0" i="0" u="none" strike="noStrike" kern="1200" cap="none" spc="0" normalizeH="0" baseline="0" noProof="0" dirty="0">
                <a:ln>
                  <a:noFill/>
                </a:ln>
                <a:solidFill>
                  <a:schemeClr val="accent3"/>
                </a:solidFill>
                <a:effectLst/>
                <a:uLnTx/>
                <a:uFillTx/>
                <a:latin typeface="Palatino Linotype"/>
                <a:ea typeface="+mn-ea"/>
                <a:cs typeface="+mn-cs"/>
              </a:rPr>
              <a:t>Poll Question Five</a:t>
            </a: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09DD4F1C-AD90-BE1A-CC1D-526285BC147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42F95DB4-2EA9-BFB9-C23D-A4C070314222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7585" y="4643423"/>
            <a:ext cx="2839495" cy="2249227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0D9CC6C7-A6E7-7643-8946-D199F423C073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6BAAE531-01C2-3FF8-96E7-69A2080AC5C7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E905CC37-8B20-967D-1D17-BC5D4D4BC02F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6E0E49D1-7C2D-BEA3-FD1A-A60A6FF3D262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BEB768F8-10EF-7167-7B89-5D42A88D315E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0FBC922F-0DE0-B394-5C33-1EE94F78302F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05CF4278-B987-DCD8-5256-F5A5C6B22DF8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06D617A1-971F-5EC9-395C-8E72B7E4FB4B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C883EA50-8E83-C188-20D7-459B72C6DAE8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D4E9DD56-68C9-2A95-C4E0-9759376C8190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37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64615111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FCE250E-17BB-6AAA-5687-4C50F6F874D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413B0BC-FD8C-B145-66DA-A87C3635846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C259CA4-C8D3-09A8-5B22-A4915B8B31DB}"/>
              </a:ext>
            </a:extLst>
          </p:cNvPr>
          <p:cNvSpPr txBox="1"/>
          <p:nvPr/>
        </p:nvSpPr>
        <p:spPr>
          <a:xfrm>
            <a:off x="4630615" y="3151495"/>
            <a:ext cx="7543800" cy="1754326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6000" dirty="0">
                <a:solidFill>
                  <a:schemeClr val="accent4">
                    <a:lumMod val="40000"/>
                    <a:lumOff val="60000"/>
                  </a:schemeClr>
                </a:solidFill>
                <a:latin typeface="Palatino Linotype"/>
              </a:rPr>
              <a:t>How can your HR team ADAPT?</a:t>
            </a:r>
            <a:endParaRPr kumimoji="0" lang="en-US" sz="6000" b="0" i="0" u="none" strike="noStrike" kern="1200" cap="none" spc="0" normalizeH="0" baseline="0" noProof="0" dirty="0">
              <a:ln>
                <a:noFill/>
              </a:ln>
              <a:solidFill>
                <a:schemeClr val="accent4">
                  <a:lumMod val="40000"/>
                  <a:lumOff val="60000"/>
                </a:schemeClr>
              </a:solidFill>
              <a:effectLst/>
              <a:uLnTx/>
              <a:uFillTx/>
              <a:latin typeface="Palatino Linotype"/>
              <a:ea typeface="+mn-ea"/>
              <a:cs typeface="+mn-cs"/>
            </a:endParaRP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34E282E5-1975-08AC-2C44-100872C1A32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5AF0064F-C139-4589-CFC0-C07C6B363D82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duotone>
              <a:prstClr val="black"/>
              <a:schemeClr val="accent4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909" y="3351074"/>
            <a:ext cx="4427253" cy="3506926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48037494-AC53-F4E1-D2EC-3633ABA92A56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A6152B87-F467-62E3-4488-DD7AFEB46DBF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A3A3B56F-6113-9B08-7644-3B04089FAF4A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AFA06E72-F154-EA56-80DF-689FC7CE2F88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769D9F14-7F57-8E9A-A62B-A782944C286B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4D9BBCE3-EF13-F3BC-935F-B2381854DE1C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A03FD45C-33F6-04BF-9984-535C35FCE38D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5713FFAE-3378-F861-4293-4844CC544288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06F54187-70B7-5376-108B-0478B2CF3224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5FA3D22F-C3AD-8F5A-285C-0AE730BA8377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38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79491663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45CEB6CA-5E77-5E04-7192-815B0CC565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85800" y="152400"/>
            <a:ext cx="11811000" cy="1325563"/>
          </a:xfrm>
        </p:spPr>
        <p:txBody>
          <a:bodyPr/>
          <a:lstStyle/>
          <a:p>
            <a:r>
              <a:rPr lang="en-US" dirty="0"/>
              <a:t>Some Words to Sustain you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1FF118B0-39AF-764D-45C1-FA14C71261E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1028700" y="1477963"/>
            <a:ext cx="3249932" cy="453548"/>
          </a:xfrm>
          <a:prstGeom prst="rect">
            <a:avLst/>
          </a:prstGeom>
          <a:solidFill>
            <a:srgbClr val="4D2F9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ACD56B5A-16EA-6321-63B9-D43DBFE961D6}"/>
              </a:ext>
            </a:extLst>
          </p:cNvPr>
          <p:cNvSpPr/>
          <p:nvPr/>
        </p:nvSpPr>
        <p:spPr>
          <a:xfrm>
            <a:off x="1028700" y="1931511"/>
            <a:ext cx="3276600" cy="4191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82880" tIns="2743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r>
              <a:rPr lang="en-US" sz="2400" dirty="0">
                <a:solidFill>
                  <a:srgbClr val="4D2F93"/>
                </a:solidFill>
              </a:rPr>
              <a:t>"We often avoid taking action because we think </a:t>
            </a:r>
            <a:br>
              <a:rPr lang="en-US" sz="2400" dirty="0">
                <a:solidFill>
                  <a:srgbClr val="4D2F93"/>
                </a:solidFill>
              </a:rPr>
            </a:br>
            <a:r>
              <a:rPr lang="en-US" sz="2400" dirty="0">
                <a:solidFill>
                  <a:srgbClr val="4D2F93"/>
                </a:solidFill>
              </a:rPr>
              <a:t>‘I need to learn more,’ but the best way to learn </a:t>
            </a:r>
            <a:br>
              <a:rPr lang="en-US" sz="2400" dirty="0">
                <a:solidFill>
                  <a:srgbClr val="4D2F93"/>
                </a:solidFill>
              </a:rPr>
            </a:br>
            <a:r>
              <a:rPr lang="en-US" sz="2400" dirty="0">
                <a:solidFill>
                  <a:srgbClr val="4D2F93"/>
                </a:solidFill>
              </a:rPr>
              <a:t>is often by taking action." </a:t>
            </a:r>
          </a:p>
          <a:p>
            <a:endParaRPr lang="en-US" sz="2400" dirty="0">
              <a:solidFill>
                <a:srgbClr val="4D2F93"/>
              </a:solidFill>
            </a:endParaRPr>
          </a:p>
          <a:p>
            <a:pPr algn="r"/>
            <a:r>
              <a:rPr lang="en-US" sz="2400" b="1" dirty="0">
                <a:solidFill>
                  <a:srgbClr val="7030A0"/>
                </a:solidFill>
              </a:rPr>
              <a:t>– </a:t>
            </a:r>
            <a:r>
              <a:rPr lang="en-US" sz="2400" b="1" dirty="0">
                <a:solidFill>
                  <a:srgbClr val="4D2F93"/>
                </a:solidFill>
              </a:rPr>
              <a:t>James Clear</a:t>
            </a:r>
          </a:p>
          <a:p>
            <a:r>
              <a:rPr lang="en-US" sz="2400" b="1" dirty="0">
                <a:solidFill>
                  <a:schemeClr val="tx1">
                    <a:lumMod val="95000"/>
                    <a:lumOff val="5000"/>
                  </a:schemeClr>
                </a:solidFill>
              </a:rPr>
              <a:t>           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6996716-963B-5C5D-83CA-CF3ABA2D10EB}"/>
              </a:ext>
            </a:extLst>
          </p:cNvPr>
          <p:cNvSpPr/>
          <p:nvPr/>
        </p:nvSpPr>
        <p:spPr>
          <a:xfrm>
            <a:off x="4621530" y="2011680"/>
            <a:ext cx="3265172" cy="4191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82880" tIns="2743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r>
              <a:rPr lang="en-US" sz="2400" dirty="0">
                <a:solidFill>
                  <a:srgbClr val="0070C0"/>
                </a:solidFill>
              </a:rPr>
              <a:t>“The misstep doesn’t define you. Your next move does.” </a:t>
            </a:r>
          </a:p>
          <a:p>
            <a:endParaRPr lang="en-US" sz="2400" dirty="0">
              <a:solidFill>
                <a:srgbClr val="0070C0"/>
              </a:solidFill>
            </a:endParaRPr>
          </a:p>
          <a:p>
            <a:pPr algn="r"/>
            <a:r>
              <a:rPr lang="en-US" sz="2400" b="1" dirty="0">
                <a:solidFill>
                  <a:schemeClr val="bg2"/>
                </a:solidFill>
              </a:rPr>
              <a:t>– </a:t>
            </a:r>
            <a:r>
              <a:rPr lang="en-US" sz="2400" b="1" dirty="0">
                <a:solidFill>
                  <a:srgbClr val="0070C0"/>
                </a:solidFill>
              </a:rPr>
              <a:t>Sahill Bloom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9B1092C-4FF2-816C-7FF3-A912453C7DB3}"/>
              </a:ext>
            </a:extLst>
          </p:cNvPr>
          <p:cNvSpPr/>
          <p:nvPr/>
        </p:nvSpPr>
        <p:spPr>
          <a:xfrm>
            <a:off x="8229600" y="1792526"/>
            <a:ext cx="3276600" cy="4190999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82880" tIns="2743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r>
              <a:rPr lang="en-US" sz="2400" dirty="0">
                <a:solidFill>
                  <a:schemeClr val="accent5"/>
                </a:solidFill>
              </a:rPr>
              <a:t>“When there’s a big disappointment, we don’t know </a:t>
            </a:r>
            <a:br>
              <a:rPr lang="en-US" sz="2400" dirty="0">
                <a:solidFill>
                  <a:schemeClr val="accent5"/>
                </a:solidFill>
              </a:rPr>
            </a:br>
            <a:r>
              <a:rPr lang="en-US" sz="2400" dirty="0">
                <a:solidFill>
                  <a:schemeClr val="accent5"/>
                </a:solidFill>
              </a:rPr>
              <a:t>if that’s the end of the story. It may be just the beginning of a great adventure.” </a:t>
            </a:r>
          </a:p>
          <a:p>
            <a:r>
              <a:rPr lang="en-US" sz="2400" b="1" dirty="0">
                <a:solidFill>
                  <a:srgbClr val="EC7D0E"/>
                </a:solidFill>
              </a:rPr>
              <a:t>                              </a:t>
            </a:r>
          </a:p>
          <a:p>
            <a:pPr algn="r"/>
            <a:r>
              <a:rPr lang="en-US" sz="2400" b="1" dirty="0">
                <a:solidFill>
                  <a:schemeClr val="accent5"/>
                </a:solidFill>
              </a:rPr>
              <a:t>– Pema Chodron</a:t>
            </a:r>
            <a:endParaRPr lang="en-US" dirty="0">
              <a:solidFill>
                <a:schemeClr val="accent5"/>
              </a:solidFill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09B6C94A-4F91-E843-2044-FE9F1337F1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1002032" y="5964475"/>
            <a:ext cx="3276600" cy="476409"/>
          </a:xfrm>
          <a:prstGeom prst="rect">
            <a:avLst/>
          </a:prstGeom>
          <a:solidFill>
            <a:srgbClr val="4D2F9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2381295-836C-2BBC-7A23-6379D73F9E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4634864" y="6006225"/>
            <a:ext cx="3238504" cy="434658"/>
          </a:xfrm>
          <a:prstGeom prst="rect">
            <a:avLst/>
          </a:prstGeom>
          <a:solidFill>
            <a:srgbClr val="0070C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8723B4A8-6807-108D-B566-EB9F34BE6A7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8244840" y="1455102"/>
            <a:ext cx="3276600" cy="476409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63CF2197-3733-6955-ED97-98763A361E7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8229600" y="5940185"/>
            <a:ext cx="3276600" cy="476409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10E3991-293F-DDE2-4E2D-DB08CAC522C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>
          <a:xfrm>
            <a:off x="4617722" y="1504474"/>
            <a:ext cx="3276600" cy="476409"/>
          </a:xfrm>
          <a:prstGeom prst="rect">
            <a:avLst/>
          </a:prstGeom>
          <a:solidFill>
            <a:srgbClr val="0070C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 dirty="0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44323752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2525D7B-9A7D-A9BB-E56F-D42E9DF2CFD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8245BF4-3A9A-3FDF-B496-C97223FEBEC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67D2200-728E-98D9-A654-EC440BDB6A34}"/>
              </a:ext>
            </a:extLst>
          </p:cNvPr>
          <p:cNvSpPr txBox="1"/>
          <p:nvPr/>
        </p:nvSpPr>
        <p:spPr>
          <a:xfrm>
            <a:off x="4038600" y="2967335"/>
            <a:ext cx="7543800" cy="923330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0" b="0" i="0" u="none" strike="noStrike" kern="1200" cap="none" spc="0" normalizeH="0" baseline="0" noProof="0" dirty="0">
                <a:ln>
                  <a:noFill/>
                </a:ln>
                <a:solidFill>
                  <a:schemeClr val="accent3"/>
                </a:solidFill>
                <a:effectLst/>
                <a:uLnTx/>
                <a:uFillTx/>
                <a:latin typeface="Palatino Linotype"/>
                <a:ea typeface="+mn-ea"/>
                <a:cs typeface="+mn-cs"/>
              </a:rPr>
              <a:t>Poll Question Two</a:t>
            </a: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4764B388-37EA-BBE3-4604-8436858595F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3E24C28E-2F19-56BC-8041-7FD3D109ADFA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7585" y="4643423"/>
            <a:ext cx="2839495" cy="2249227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CB703DAC-D909-D842-D66A-07C9EC669588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EE8E9AEA-D7C7-012E-EF44-377509020474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64BC6574-6F70-120B-9DE5-2085AD8FD501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FBC47C99-10A9-5F9B-5866-ABBB9D4DB5E4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654629E9-A2BB-7B1E-D5D0-1F8B1FD09338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44EA3298-84D6-CD86-8312-33AFDC8BAFC9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1710A857-1193-4094-D666-B055AF205CFE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C49614AE-28E7-86A9-13E1-FE3CE94589EE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B485D8FC-3B59-B9C5-B064-744553099C99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C7EDCCC1-5DFB-7AB9-3E52-D747D29F3B00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592363803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Freeform 10">
            <a:extLst>
              <a:ext uri="{FF2B5EF4-FFF2-40B4-BE49-F238E27FC236}">
                <a16:creationId xmlns:a16="http://schemas.microsoft.com/office/drawing/2014/main" id="{F7A1DC16-CA7C-43F6-B857-EA1A01A8C832}"/>
              </a:ext>
            </a:extLst>
          </p:cNvPr>
          <p:cNvSpPr>
            <a:spLocks/>
          </p:cNvSpPr>
          <p:nvPr/>
        </p:nvSpPr>
        <p:spPr bwMode="hidden">
          <a:xfrm>
            <a:off x="9014914" y="2133600"/>
            <a:ext cx="3177086" cy="4724402"/>
          </a:xfrm>
          <a:custGeom>
            <a:avLst/>
            <a:gdLst>
              <a:gd name="T0" fmla="*/ 0 w 2337"/>
              <a:gd name="T1" fmla="*/ 4313 h 4313"/>
              <a:gd name="T2" fmla="*/ 2337 w 2337"/>
              <a:gd name="T3" fmla="*/ 4313 h 4313"/>
              <a:gd name="T4" fmla="*/ 2337 w 2337"/>
              <a:gd name="T5" fmla="*/ 0 h 4313"/>
              <a:gd name="T6" fmla="*/ 0 w 2337"/>
              <a:gd name="T7" fmla="*/ 4313 h 431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</a:cxnLst>
            <a:rect l="0" t="0" r="r" b="b"/>
            <a:pathLst>
              <a:path w="2337" h="4313">
                <a:moveTo>
                  <a:pt x="0" y="4313"/>
                </a:moveTo>
                <a:lnTo>
                  <a:pt x="2337" y="4313"/>
                </a:lnTo>
                <a:lnTo>
                  <a:pt x="2337" y="0"/>
                </a:lnTo>
                <a:lnTo>
                  <a:pt x="0" y="4313"/>
                </a:lnTo>
                <a:close/>
              </a:path>
            </a:pathLst>
          </a:custGeom>
          <a:solidFill>
            <a:schemeClr val="accent1">
              <a:alpha val="80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sp>
        <p:nvSpPr>
          <p:cNvPr id="16" name="Freeform 18">
            <a:extLst>
              <a:ext uri="{FF2B5EF4-FFF2-40B4-BE49-F238E27FC236}">
                <a16:creationId xmlns:a16="http://schemas.microsoft.com/office/drawing/2014/main" id="{65C044D6-959B-4E32-B771-8E429E36887E}"/>
              </a:ext>
            </a:extLst>
          </p:cNvPr>
          <p:cNvSpPr>
            <a:spLocks/>
          </p:cNvSpPr>
          <p:nvPr/>
        </p:nvSpPr>
        <p:spPr bwMode="auto">
          <a:xfrm rot="16200000">
            <a:off x="7094269" y="-1003192"/>
            <a:ext cx="4099464" cy="6096000"/>
          </a:xfrm>
          <a:custGeom>
            <a:avLst/>
            <a:gdLst>
              <a:gd name="T0" fmla="*/ 0 w 2337"/>
              <a:gd name="T1" fmla="*/ 4313 h 4313"/>
              <a:gd name="T2" fmla="*/ 2337 w 2337"/>
              <a:gd name="T3" fmla="*/ 4313 h 4313"/>
              <a:gd name="T4" fmla="*/ 2337 w 2337"/>
              <a:gd name="T5" fmla="*/ 0 h 4313"/>
              <a:gd name="T6" fmla="*/ 0 w 2337"/>
              <a:gd name="T7" fmla="*/ 4313 h 431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</a:cxnLst>
            <a:rect l="0" t="0" r="r" b="b"/>
            <a:pathLst>
              <a:path w="2337" h="4313">
                <a:moveTo>
                  <a:pt x="0" y="4313"/>
                </a:moveTo>
                <a:lnTo>
                  <a:pt x="2337" y="4313"/>
                </a:lnTo>
                <a:lnTo>
                  <a:pt x="2337" y="0"/>
                </a:lnTo>
                <a:lnTo>
                  <a:pt x="0" y="4313"/>
                </a:lnTo>
                <a:close/>
              </a:path>
            </a:pathLst>
          </a:custGeom>
          <a:solidFill>
            <a:schemeClr val="bg2">
              <a:alpha val="80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sp>
        <p:nvSpPr>
          <p:cNvPr id="27" name="Text Placeholder 1"/>
          <p:cNvSpPr txBox="1">
            <a:spLocks/>
          </p:cNvSpPr>
          <p:nvPr/>
        </p:nvSpPr>
        <p:spPr bwMode="grayWhite">
          <a:xfrm>
            <a:off x="-152400" y="1572612"/>
            <a:ext cx="8726354" cy="1856388"/>
          </a:xfrm>
          <a:prstGeom prst="rect">
            <a:avLst/>
          </a:prstGeom>
        </p:spPr>
        <p:txBody>
          <a:bodyPr anchor="ctr"/>
          <a:lstStyle>
            <a:lvl1pPr marL="0" indent="0" algn="l" defTabSz="914400" rtl="0" eaLnBrk="1" latinLnBrk="0" hangingPunct="1">
              <a:lnSpc>
                <a:spcPct val="120000"/>
              </a:lnSpc>
              <a:spcBef>
                <a:spcPts val="6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0" i="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2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169863" indent="-169863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Wingdings" panose="05000000000000000000" pitchFamily="2" charset="2"/>
              <a:buChar char="§"/>
              <a:defRPr sz="1100" kern="1200">
                <a:solidFill>
                  <a:schemeClr val="tx2">
                    <a:lumMod val="60000"/>
                    <a:lumOff val="40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346075" indent="-176213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Wingdings" panose="05000000000000000000" pitchFamily="2" charset="2"/>
              <a:buChar char="§"/>
              <a:defRPr sz="1100" kern="1200">
                <a:solidFill>
                  <a:schemeClr val="tx2">
                    <a:lumMod val="60000"/>
                    <a:lumOff val="40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100" b="1" kern="1200">
                <a:solidFill>
                  <a:schemeClr val="bg2"/>
                </a:solidFill>
                <a:latin typeface="+mj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100" kern="1200">
                <a:solidFill>
                  <a:schemeClr val="bg2"/>
                </a:solidFill>
                <a:latin typeface="+mj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1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100" kern="1200">
                <a:solidFill>
                  <a:schemeClr val="accent3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ctr">
              <a:lnSpc>
                <a:spcPct val="90000"/>
              </a:lnSpc>
            </a:pPr>
            <a:r>
              <a:rPr lang="en-US" sz="5400" dirty="0">
                <a:solidFill>
                  <a:schemeClr val="accent1"/>
                </a:solidFill>
                <a:latin typeface="Palatino Linotype" panose="02040502050505030304" pitchFamily="18" charset="0"/>
                <a:cs typeface="Arial" panose="020B0604020202020204" pitchFamily="34" charset="0"/>
              </a:rPr>
              <a:t>Connect with me on LinkedIn!</a:t>
            </a:r>
          </a:p>
        </p:txBody>
      </p:sp>
      <p:grpSp>
        <p:nvGrpSpPr>
          <p:cNvPr id="25" name="Group 15"/>
          <p:cNvGrpSpPr>
            <a:grpSpLocks noChangeAspect="1"/>
          </p:cNvGrpSpPr>
          <p:nvPr/>
        </p:nvGrpSpPr>
        <p:grpSpPr bwMode="auto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6" name="Freeform 16"/>
            <p:cNvSpPr>
              <a:spLocks/>
            </p:cNvSpPr>
            <p:nvPr userDrawn="1"/>
          </p:nvSpPr>
          <p:spPr bwMode="auto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8" name="Freeform 17"/>
            <p:cNvSpPr>
              <a:spLocks noEditPoints="1"/>
            </p:cNvSpPr>
            <p:nvPr userDrawn="1"/>
          </p:nvSpPr>
          <p:spPr bwMode="auto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29" name="Freeform 18"/>
            <p:cNvSpPr>
              <a:spLocks noEditPoints="1"/>
            </p:cNvSpPr>
            <p:nvPr userDrawn="1"/>
          </p:nvSpPr>
          <p:spPr bwMode="auto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0" name="Freeform 19"/>
            <p:cNvSpPr>
              <a:spLocks noEditPoints="1"/>
            </p:cNvSpPr>
            <p:nvPr userDrawn="1"/>
          </p:nvSpPr>
          <p:spPr bwMode="auto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1" name="Rectangle 20"/>
            <p:cNvSpPr>
              <a:spLocks noChangeArrowheads="1"/>
            </p:cNvSpPr>
            <p:nvPr userDrawn="1"/>
          </p:nvSpPr>
          <p:spPr bwMode="auto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2" name="Freeform 21"/>
            <p:cNvSpPr>
              <a:spLocks/>
            </p:cNvSpPr>
            <p:nvPr userDrawn="1"/>
          </p:nvSpPr>
          <p:spPr bwMode="auto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3" name="Freeform 22"/>
            <p:cNvSpPr>
              <a:spLocks/>
            </p:cNvSpPr>
            <p:nvPr userDrawn="1"/>
          </p:nvSpPr>
          <p:spPr bwMode="auto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  <p:sp>
          <p:nvSpPr>
            <p:cNvPr id="34" name="Freeform 23"/>
            <p:cNvSpPr>
              <a:spLocks/>
            </p:cNvSpPr>
            <p:nvPr userDrawn="1"/>
          </p:nvSpPr>
          <p:spPr bwMode="auto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/>
            </a:p>
          </p:txBody>
        </p:sp>
      </p:grpSp>
      <p:sp>
        <p:nvSpPr>
          <p:cNvPr id="35" name="Slide Number Placeholder 7"/>
          <p:cNvSpPr txBox="1">
            <a:spLocks/>
          </p:cNvSpPr>
          <p:nvPr/>
        </p:nvSpPr>
        <p:spPr bwMode="gray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fld id="{296C8835-0D17-40BE-AF3A-B681D566BC72}" type="slidenum">
              <a:rPr lang="en-US" sz="1400">
                <a:solidFill>
                  <a:schemeClr val="bg1"/>
                </a:solidFill>
              </a:rPr>
              <a:pPr/>
              <a:t>40</a:t>
            </a:fld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5A488115-AD90-EBBB-CF4C-2D7098DED7D2}"/>
              </a:ext>
            </a:extLst>
          </p:cNvPr>
          <p:cNvSpPr txBox="1"/>
          <p:nvPr/>
        </p:nvSpPr>
        <p:spPr>
          <a:xfrm>
            <a:off x="838200" y="4493639"/>
            <a:ext cx="5105400" cy="169277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>
              <a:buFont typeface="Arial" panose="020B0604020202020204" pitchFamily="34" charset="0"/>
              <a:buNone/>
            </a:pPr>
            <a:r>
              <a:rPr lang="en-US" sz="20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lison Vaillancourt, PhD</a:t>
            </a:r>
          </a:p>
          <a:p>
            <a:pPr lvl="1">
              <a:buFont typeface="Arial" panose="020B0604020202020204" pitchFamily="34" charset="0"/>
              <a:buNone/>
            </a:pPr>
            <a:r>
              <a:rPr lang="en-US" sz="20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ce President, </a:t>
            </a:r>
            <a:br>
              <a:rPr lang="en-US" sz="20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US" sz="20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ganizational Effectiveness</a:t>
            </a:r>
          </a:p>
          <a:p>
            <a:pPr lvl="1">
              <a:buFont typeface="Arial" panose="020B0604020202020204" pitchFamily="34" charset="0"/>
              <a:buNone/>
            </a:pPr>
            <a:r>
              <a:rPr lang="en-US" sz="24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gal</a:t>
            </a:r>
          </a:p>
          <a:p>
            <a:pPr lvl="1">
              <a:buFont typeface="Arial" panose="020B0604020202020204" pitchFamily="34" charset="0"/>
              <a:buNone/>
            </a:pPr>
            <a:r>
              <a:rPr lang="en-US" sz="20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vaillancourt@segalco.com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13525040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ACE132A-BFAD-4990-B5E2-8A3D904962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white">
          <a:xfrm>
            <a:off x="-1" y="0"/>
            <a:ext cx="1219200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1200"/>
              </a:spcBef>
            </a:pP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C60BFDA-D35A-4D75-B5FE-5AD820A7D2E8}"/>
              </a:ext>
            </a:extLst>
          </p:cNvPr>
          <p:cNvSpPr txBox="1"/>
          <p:nvPr/>
        </p:nvSpPr>
        <p:spPr>
          <a:xfrm>
            <a:off x="4038600" y="2551837"/>
            <a:ext cx="7543800" cy="1754326"/>
          </a:xfrm>
          <a:prstGeom prst="rect">
            <a:avLst/>
          </a:prstGeom>
          <a:noFill/>
        </p:spPr>
        <p:txBody>
          <a:bodyPr wrap="square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0" b="0" i="0" u="none" strike="noStrike" kern="1200" cap="none" spc="0" normalizeH="0" baseline="0" noProof="0" dirty="0">
                <a:ln>
                  <a:noFill/>
                </a:ln>
                <a:solidFill>
                  <a:srgbClr val="1DCAD3"/>
                </a:solidFill>
                <a:effectLst/>
                <a:uLnTx/>
                <a:uFillTx/>
                <a:latin typeface="Palatino Linotype"/>
                <a:ea typeface="+mn-ea"/>
                <a:cs typeface="+mn-cs"/>
              </a:rPr>
              <a:t>A Few Words on Disruption</a:t>
            </a:r>
          </a:p>
        </p:txBody>
      </p:sp>
      <p:sp>
        <p:nvSpPr>
          <p:cNvPr id="19" name="Freeform 15">
            <a:extLst>
              <a:ext uri="{FF2B5EF4-FFF2-40B4-BE49-F238E27FC236}">
                <a16:creationId xmlns:a16="http://schemas.microsoft.com/office/drawing/2014/main" id="{B0A824EB-4C7E-414D-B713-D61671D02DC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/>
          </p:cNvSpPr>
          <p:nvPr/>
        </p:nvSpPr>
        <p:spPr bwMode="hidden">
          <a:xfrm rot="10800000" flipH="1">
            <a:off x="0" y="-1"/>
            <a:ext cx="1674236" cy="6858000"/>
          </a:xfrm>
          <a:custGeom>
            <a:avLst/>
            <a:gdLst>
              <a:gd name="T0" fmla="*/ 0 w 1037"/>
              <a:gd name="T1" fmla="*/ 0 h 4325"/>
              <a:gd name="T2" fmla="*/ 0 w 1037"/>
              <a:gd name="T3" fmla="*/ 4325 h 4325"/>
              <a:gd name="T4" fmla="*/ 570 w 1037"/>
              <a:gd name="T5" fmla="*/ 4325 h 4325"/>
              <a:gd name="T6" fmla="*/ 1037 w 1037"/>
              <a:gd name="T7" fmla="*/ 0 h 4325"/>
              <a:gd name="T8" fmla="*/ 0 w 1037"/>
              <a:gd name="T9" fmla="*/ 0 h 432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37" h="4325">
                <a:moveTo>
                  <a:pt x="0" y="0"/>
                </a:moveTo>
                <a:lnTo>
                  <a:pt x="0" y="4325"/>
                </a:lnTo>
                <a:lnTo>
                  <a:pt x="570" y="4325"/>
                </a:lnTo>
                <a:lnTo>
                  <a:pt x="1037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75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8" name="Picture 17" descr="Shape, polygon&#10;&#10;Description automatically generated">
            <a:extLst>
              <a:ext uri="{FF2B5EF4-FFF2-40B4-BE49-F238E27FC236}">
                <a16:creationId xmlns:a16="http://schemas.microsoft.com/office/drawing/2014/main" id="{96C62616-A777-4E7B-9EB2-D9FC18095A99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61" b="15902"/>
          <a:stretch/>
        </p:blipFill>
        <p:spPr bwMode="invGray">
          <a:xfrm>
            <a:off x="1909" y="3351074"/>
            <a:ext cx="4427253" cy="3506926"/>
          </a:xfrm>
          <a:custGeom>
            <a:avLst/>
            <a:gdLst>
              <a:gd name="connsiteX0" fmla="*/ 0 w 4427253"/>
              <a:gd name="connsiteY0" fmla="*/ 0 h 3506926"/>
              <a:gd name="connsiteX1" fmla="*/ 4427253 w 4427253"/>
              <a:gd name="connsiteY1" fmla="*/ 0 h 3506926"/>
              <a:gd name="connsiteX2" fmla="*/ 4427253 w 4427253"/>
              <a:gd name="connsiteY2" fmla="*/ 3506926 h 3506926"/>
              <a:gd name="connsiteX3" fmla="*/ 4065912 w 4427253"/>
              <a:gd name="connsiteY3" fmla="*/ 3506926 h 3506926"/>
              <a:gd name="connsiteX4" fmla="*/ 4065912 w 4427253"/>
              <a:gd name="connsiteY4" fmla="*/ 3506794 h 3506926"/>
              <a:gd name="connsiteX5" fmla="*/ 0 w 4427253"/>
              <a:gd name="connsiteY5" fmla="*/ 3506794 h 3506926"/>
              <a:gd name="connsiteX6" fmla="*/ 0 w 4427253"/>
              <a:gd name="connsiteY6" fmla="*/ 0 h 35069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27253" h="3506926">
                <a:moveTo>
                  <a:pt x="0" y="0"/>
                </a:moveTo>
                <a:lnTo>
                  <a:pt x="4427253" y="0"/>
                </a:lnTo>
                <a:lnTo>
                  <a:pt x="4427253" y="3506926"/>
                </a:lnTo>
                <a:lnTo>
                  <a:pt x="4065912" y="3506926"/>
                </a:lnTo>
                <a:lnTo>
                  <a:pt x="4065912" y="3506794"/>
                </a:lnTo>
                <a:lnTo>
                  <a:pt x="0" y="3506794"/>
                </a:lnTo>
                <a:lnTo>
                  <a:pt x="0" y="0"/>
                </a:lnTo>
                <a:close/>
              </a:path>
            </a:pathLst>
          </a:custGeom>
        </p:spPr>
      </p:pic>
      <p:grpSp>
        <p:nvGrpSpPr>
          <p:cNvPr id="20" name="Group 15" descr="segal logo">
            <a:extLst>
              <a:ext uri="{FF2B5EF4-FFF2-40B4-BE49-F238E27FC236}">
                <a16:creationId xmlns:a16="http://schemas.microsoft.com/office/drawing/2014/main" id="{4CFE4AA0-3624-40A2-A03B-7117B0140FA7}"/>
              </a:ext>
            </a:extLst>
          </p:cNvPr>
          <p:cNvGrpSpPr>
            <a:grpSpLocks noChangeAspect="1"/>
          </p:cNvGrpSpPr>
          <p:nvPr/>
        </p:nvGrpSpPr>
        <p:grpSpPr bwMode="black">
          <a:xfrm>
            <a:off x="10744200" y="6539715"/>
            <a:ext cx="914400" cy="242870"/>
            <a:chOff x="240" y="3738"/>
            <a:chExt cx="1634" cy="434"/>
          </a:xfrm>
          <a:solidFill>
            <a:schemeClr val="bg1"/>
          </a:solidFill>
        </p:grpSpPr>
        <p:sp>
          <p:nvSpPr>
            <p:cNvPr id="22" name="Freeform 16">
              <a:extLst>
                <a:ext uri="{FF2B5EF4-FFF2-40B4-BE49-F238E27FC236}">
                  <a16:creationId xmlns:a16="http://schemas.microsoft.com/office/drawing/2014/main" id="{31B87DCE-B050-496F-A853-F2B751F6243E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797" y="3795"/>
              <a:ext cx="256" cy="314"/>
            </a:xfrm>
            <a:custGeom>
              <a:avLst/>
              <a:gdLst>
                <a:gd name="T0" fmla="*/ 63 w 346"/>
                <a:gd name="T1" fmla="*/ 293 h 422"/>
                <a:gd name="T2" fmla="*/ 188 w 346"/>
                <a:gd name="T3" fmla="*/ 353 h 422"/>
                <a:gd name="T4" fmla="*/ 231 w 346"/>
                <a:gd name="T5" fmla="*/ 347 h 422"/>
                <a:gd name="T6" fmla="*/ 265 w 346"/>
                <a:gd name="T7" fmla="*/ 301 h 422"/>
                <a:gd name="T8" fmla="*/ 235 w 346"/>
                <a:gd name="T9" fmla="*/ 261 h 422"/>
                <a:gd name="T10" fmla="*/ 188 w 346"/>
                <a:gd name="T11" fmla="*/ 248 h 422"/>
                <a:gd name="T12" fmla="*/ 140 w 346"/>
                <a:gd name="T13" fmla="*/ 238 h 422"/>
                <a:gd name="T14" fmla="*/ 89 w 346"/>
                <a:gd name="T15" fmla="*/ 224 h 422"/>
                <a:gd name="T16" fmla="*/ 22 w 346"/>
                <a:gd name="T17" fmla="*/ 125 h 422"/>
                <a:gd name="T18" fmla="*/ 180 w 346"/>
                <a:gd name="T19" fmla="*/ 0 h 422"/>
                <a:gd name="T20" fmla="*/ 342 w 346"/>
                <a:gd name="T21" fmla="*/ 82 h 422"/>
                <a:gd name="T22" fmla="*/ 280 w 346"/>
                <a:gd name="T23" fmla="*/ 128 h 422"/>
                <a:gd name="T24" fmla="*/ 176 w 346"/>
                <a:gd name="T25" fmla="*/ 68 h 422"/>
                <a:gd name="T26" fmla="*/ 101 w 346"/>
                <a:gd name="T27" fmla="*/ 117 h 422"/>
                <a:gd name="T28" fmla="*/ 175 w 346"/>
                <a:gd name="T29" fmla="*/ 165 h 422"/>
                <a:gd name="T30" fmla="*/ 216 w 346"/>
                <a:gd name="T31" fmla="*/ 174 h 422"/>
                <a:gd name="T32" fmla="*/ 346 w 346"/>
                <a:gd name="T33" fmla="*/ 293 h 422"/>
                <a:gd name="T34" fmla="*/ 176 w 346"/>
                <a:gd name="T35" fmla="*/ 422 h 422"/>
                <a:gd name="T36" fmla="*/ 104 w 346"/>
                <a:gd name="T37" fmla="*/ 413 h 422"/>
                <a:gd name="T38" fmla="*/ 0 w 346"/>
                <a:gd name="T39" fmla="*/ 337 h 422"/>
                <a:gd name="T40" fmla="*/ 63 w 346"/>
                <a:gd name="T41" fmla="*/ 293 h 4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46" h="422">
                  <a:moveTo>
                    <a:pt x="63" y="293"/>
                  </a:moveTo>
                  <a:cubicBezTo>
                    <a:pt x="73" y="307"/>
                    <a:pt x="103" y="353"/>
                    <a:pt x="188" y="353"/>
                  </a:cubicBezTo>
                  <a:cubicBezTo>
                    <a:pt x="202" y="353"/>
                    <a:pt x="217" y="352"/>
                    <a:pt x="231" y="347"/>
                  </a:cubicBezTo>
                  <a:cubicBezTo>
                    <a:pt x="260" y="335"/>
                    <a:pt x="265" y="314"/>
                    <a:pt x="265" y="301"/>
                  </a:cubicBezTo>
                  <a:cubicBezTo>
                    <a:pt x="265" y="275"/>
                    <a:pt x="247" y="266"/>
                    <a:pt x="235" y="261"/>
                  </a:cubicBezTo>
                  <a:cubicBezTo>
                    <a:pt x="226" y="257"/>
                    <a:pt x="225" y="257"/>
                    <a:pt x="188" y="248"/>
                  </a:cubicBezTo>
                  <a:cubicBezTo>
                    <a:pt x="140" y="238"/>
                    <a:pt x="140" y="238"/>
                    <a:pt x="140" y="238"/>
                  </a:cubicBezTo>
                  <a:cubicBezTo>
                    <a:pt x="114" y="232"/>
                    <a:pt x="102" y="229"/>
                    <a:pt x="89" y="224"/>
                  </a:cubicBezTo>
                  <a:cubicBezTo>
                    <a:pt x="71" y="216"/>
                    <a:pt x="22" y="192"/>
                    <a:pt x="22" y="125"/>
                  </a:cubicBezTo>
                  <a:cubicBezTo>
                    <a:pt x="22" y="49"/>
                    <a:pt x="86" y="0"/>
                    <a:pt x="180" y="0"/>
                  </a:cubicBezTo>
                  <a:cubicBezTo>
                    <a:pt x="267" y="0"/>
                    <a:pt x="313" y="43"/>
                    <a:pt x="342" y="82"/>
                  </a:cubicBezTo>
                  <a:cubicBezTo>
                    <a:pt x="280" y="128"/>
                    <a:pt x="280" y="128"/>
                    <a:pt x="280" y="128"/>
                  </a:cubicBezTo>
                  <a:cubicBezTo>
                    <a:pt x="267" y="108"/>
                    <a:pt x="241" y="68"/>
                    <a:pt x="176" y="68"/>
                  </a:cubicBezTo>
                  <a:cubicBezTo>
                    <a:pt x="136" y="68"/>
                    <a:pt x="101" y="86"/>
                    <a:pt x="101" y="117"/>
                  </a:cubicBezTo>
                  <a:cubicBezTo>
                    <a:pt x="101" y="151"/>
                    <a:pt x="138" y="158"/>
                    <a:pt x="175" y="165"/>
                  </a:cubicBezTo>
                  <a:cubicBezTo>
                    <a:pt x="216" y="174"/>
                    <a:pt x="216" y="174"/>
                    <a:pt x="216" y="174"/>
                  </a:cubicBezTo>
                  <a:cubicBezTo>
                    <a:pt x="270" y="185"/>
                    <a:pt x="346" y="207"/>
                    <a:pt x="346" y="293"/>
                  </a:cubicBezTo>
                  <a:cubicBezTo>
                    <a:pt x="346" y="385"/>
                    <a:pt x="261" y="422"/>
                    <a:pt x="176" y="422"/>
                  </a:cubicBezTo>
                  <a:cubicBezTo>
                    <a:pt x="153" y="422"/>
                    <a:pt x="128" y="420"/>
                    <a:pt x="104" y="413"/>
                  </a:cubicBezTo>
                  <a:cubicBezTo>
                    <a:pt x="77" y="405"/>
                    <a:pt x="30" y="386"/>
                    <a:pt x="0" y="337"/>
                  </a:cubicBezTo>
                  <a:lnTo>
                    <a:pt x="63" y="29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3" name="Freeform 17">
              <a:extLst>
                <a:ext uri="{FF2B5EF4-FFF2-40B4-BE49-F238E27FC236}">
                  <a16:creationId xmlns:a16="http://schemas.microsoft.com/office/drawing/2014/main" id="{C0EFC43C-11D8-4120-BFF7-C7152B2E6BB9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084" y="3884"/>
              <a:ext cx="211" cy="224"/>
            </a:xfrm>
            <a:custGeom>
              <a:avLst/>
              <a:gdLst>
                <a:gd name="T0" fmla="*/ 208 w 285"/>
                <a:gd name="T1" fmla="*/ 114 h 302"/>
                <a:gd name="T2" fmla="*/ 144 w 285"/>
                <a:gd name="T3" fmla="*/ 55 h 302"/>
                <a:gd name="T4" fmla="*/ 75 w 285"/>
                <a:gd name="T5" fmla="*/ 114 h 302"/>
                <a:gd name="T6" fmla="*/ 208 w 285"/>
                <a:gd name="T7" fmla="*/ 114 h 302"/>
                <a:gd name="T8" fmla="*/ 285 w 285"/>
                <a:gd name="T9" fmla="*/ 229 h 302"/>
                <a:gd name="T10" fmla="*/ 146 w 285"/>
                <a:gd name="T11" fmla="*/ 302 h 302"/>
                <a:gd name="T12" fmla="*/ 0 w 285"/>
                <a:gd name="T13" fmla="*/ 150 h 302"/>
                <a:gd name="T14" fmla="*/ 142 w 285"/>
                <a:gd name="T15" fmla="*/ 0 h 302"/>
                <a:gd name="T16" fmla="*/ 254 w 285"/>
                <a:gd name="T17" fmla="*/ 54 h 302"/>
                <a:gd name="T18" fmla="*/ 283 w 285"/>
                <a:gd name="T19" fmla="*/ 165 h 302"/>
                <a:gd name="T20" fmla="*/ 73 w 285"/>
                <a:gd name="T21" fmla="*/ 165 h 302"/>
                <a:gd name="T22" fmla="*/ 153 w 285"/>
                <a:gd name="T23" fmla="*/ 235 h 302"/>
                <a:gd name="T24" fmla="*/ 227 w 285"/>
                <a:gd name="T25" fmla="*/ 196 h 302"/>
                <a:gd name="T26" fmla="*/ 285 w 285"/>
                <a:gd name="T27" fmla="*/ 229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5" h="302">
                  <a:moveTo>
                    <a:pt x="208" y="114"/>
                  </a:moveTo>
                  <a:cubicBezTo>
                    <a:pt x="202" y="70"/>
                    <a:pt x="174" y="55"/>
                    <a:pt x="144" y="55"/>
                  </a:cubicBezTo>
                  <a:cubicBezTo>
                    <a:pt x="108" y="55"/>
                    <a:pt x="83" y="76"/>
                    <a:pt x="75" y="114"/>
                  </a:cubicBezTo>
                  <a:lnTo>
                    <a:pt x="208" y="114"/>
                  </a:lnTo>
                  <a:close/>
                  <a:moveTo>
                    <a:pt x="285" y="229"/>
                  </a:moveTo>
                  <a:cubicBezTo>
                    <a:pt x="250" y="277"/>
                    <a:pt x="204" y="302"/>
                    <a:pt x="146" y="302"/>
                  </a:cubicBezTo>
                  <a:cubicBezTo>
                    <a:pt x="72" y="302"/>
                    <a:pt x="0" y="254"/>
                    <a:pt x="0" y="150"/>
                  </a:cubicBezTo>
                  <a:cubicBezTo>
                    <a:pt x="0" y="54"/>
                    <a:pt x="62" y="0"/>
                    <a:pt x="142" y="0"/>
                  </a:cubicBezTo>
                  <a:cubicBezTo>
                    <a:pt x="217" y="0"/>
                    <a:pt x="248" y="45"/>
                    <a:pt x="254" y="54"/>
                  </a:cubicBezTo>
                  <a:cubicBezTo>
                    <a:pt x="277" y="87"/>
                    <a:pt x="282" y="136"/>
                    <a:pt x="283" y="165"/>
                  </a:cubicBezTo>
                  <a:cubicBezTo>
                    <a:pt x="73" y="165"/>
                    <a:pt x="73" y="165"/>
                    <a:pt x="73" y="165"/>
                  </a:cubicBezTo>
                  <a:cubicBezTo>
                    <a:pt x="80" y="209"/>
                    <a:pt x="108" y="235"/>
                    <a:pt x="153" y="235"/>
                  </a:cubicBezTo>
                  <a:cubicBezTo>
                    <a:pt x="200" y="235"/>
                    <a:pt x="219" y="208"/>
                    <a:pt x="227" y="196"/>
                  </a:cubicBezTo>
                  <a:lnTo>
                    <a:pt x="285" y="2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4" name="Freeform 18">
              <a:extLst>
                <a:ext uri="{FF2B5EF4-FFF2-40B4-BE49-F238E27FC236}">
                  <a16:creationId xmlns:a16="http://schemas.microsoft.com/office/drawing/2014/main" id="{63A2D6E9-FB08-4745-A0D5-37D1D5AB7E74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323" y="3884"/>
              <a:ext cx="205" cy="288"/>
            </a:xfrm>
            <a:custGeom>
              <a:avLst/>
              <a:gdLst>
                <a:gd name="T0" fmla="*/ 140 w 276"/>
                <a:gd name="T1" fmla="*/ 61 h 388"/>
                <a:gd name="T2" fmla="*/ 70 w 276"/>
                <a:gd name="T3" fmla="*/ 139 h 388"/>
                <a:gd name="T4" fmla="*/ 140 w 276"/>
                <a:gd name="T5" fmla="*/ 214 h 388"/>
                <a:gd name="T6" fmla="*/ 210 w 276"/>
                <a:gd name="T7" fmla="*/ 142 h 388"/>
                <a:gd name="T8" fmla="*/ 140 w 276"/>
                <a:gd name="T9" fmla="*/ 61 h 388"/>
                <a:gd name="T10" fmla="*/ 276 w 276"/>
                <a:gd name="T11" fmla="*/ 9 h 388"/>
                <a:gd name="T12" fmla="*/ 276 w 276"/>
                <a:gd name="T13" fmla="*/ 242 h 388"/>
                <a:gd name="T14" fmla="*/ 258 w 276"/>
                <a:gd name="T15" fmla="*/ 345 h 388"/>
                <a:gd name="T16" fmla="*/ 140 w 276"/>
                <a:gd name="T17" fmla="*/ 388 h 388"/>
                <a:gd name="T18" fmla="*/ 9 w 276"/>
                <a:gd name="T19" fmla="*/ 299 h 388"/>
                <a:gd name="T20" fmla="*/ 84 w 276"/>
                <a:gd name="T21" fmla="*/ 299 h 388"/>
                <a:gd name="T22" fmla="*/ 142 w 276"/>
                <a:gd name="T23" fmla="*/ 334 h 388"/>
                <a:gd name="T24" fmla="*/ 198 w 276"/>
                <a:gd name="T25" fmla="*/ 311 h 388"/>
                <a:gd name="T26" fmla="*/ 208 w 276"/>
                <a:gd name="T27" fmla="*/ 246 h 388"/>
                <a:gd name="T28" fmla="*/ 123 w 276"/>
                <a:gd name="T29" fmla="*/ 277 h 388"/>
                <a:gd name="T30" fmla="*/ 0 w 276"/>
                <a:gd name="T31" fmla="*/ 141 h 388"/>
                <a:gd name="T32" fmla="*/ 128 w 276"/>
                <a:gd name="T33" fmla="*/ 0 h 388"/>
                <a:gd name="T34" fmla="*/ 208 w 276"/>
                <a:gd name="T35" fmla="*/ 38 h 388"/>
                <a:gd name="T36" fmla="*/ 208 w 276"/>
                <a:gd name="T37" fmla="*/ 9 h 388"/>
                <a:gd name="T38" fmla="*/ 276 w 276"/>
                <a:gd name="T39" fmla="*/ 9 h 3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76" h="388">
                  <a:moveTo>
                    <a:pt x="140" y="61"/>
                  </a:moveTo>
                  <a:cubicBezTo>
                    <a:pt x="105" y="61"/>
                    <a:pt x="70" y="84"/>
                    <a:pt x="70" y="139"/>
                  </a:cubicBezTo>
                  <a:cubicBezTo>
                    <a:pt x="70" y="188"/>
                    <a:pt x="100" y="214"/>
                    <a:pt x="140" y="214"/>
                  </a:cubicBezTo>
                  <a:cubicBezTo>
                    <a:pt x="177" y="214"/>
                    <a:pt x="210" y="194"/>
                    <a:pt x="210" y="142"/>
                  </a:cubicBezTo>
                  <a:cubicBezTo>
                    <a:pt x="211" y="96"/>
                    <a:pt x="186" y="61"/>
                    <a:pt x="140" y="61"/>
                  </a:cubicBezTo>
                  <a:moveTo>
                    <a:pt x="276" y="9"/>
                  </a:moveTo>
                  <a:cubicBezTo>
                    <a:pt x="276" y="242"/>
                    <a:pt x="276" y="242"/>
                    <a:pt x="276" y="242"/>
                  </a:cubicBezTo>
                  <a:cubicBezTo>
                    <a:pt x="276" y="298"/>
                    <a:pt x="276" y="321"/>
                    <a:pt x="258" y="345"/>
                  </a:cubicBezTo>
                  <a:cubicBezTo>
                    <a:pt x="242" y="366"/>
                    <a:pt x="207" y="388"/>
                    <a:pt x="140" y="388"/>
                  </a:cubicBezTo>
                  <a:cubicBezTo>
                    <a:pt x="38" y="388"/>
                    <a:pt x="18" y="344"/>
                    <a:pt x="9" y="299"/>
                  </a:cubicBezTo>
                  <a:cubicBezTo>
                    <a:pt x="84" y="299"/>
                    <a:pt x="84" y="299"/>
                    <a:pt x="84" y="299"/>
                  </a:cubicBezTo>
                  <a:cubicBezTo>
                    <a:pt x="89" y="315"/>
                    <a:pt x="101" y="334"/>
                    <a:pt x="142" y="334"/>
                  </a:cubicBezTo>
                  <a:cubicBezTo>
                    <a:pt x="177" y="334"/>
                    <a:pt x="192" y="320"/>
                    <a:pt x="198" y="311"/>
                  </a:cubicBezTo>
                  <a:cubicBezTo>
                    <a:pt x="208" y="297"/>
                    <a:pt x="208" y="281"/>
                    <a:pt x="208" y="246"/>
                  </a:cubicBezTo>
                  <a:cubicBezTo>
                    <a:pt x="194" y="259"/>
                    <a:pt x="164" y="277"/>
                    <a:pt x="123" y="277"/>
                  </a:cubicBezTo>
                  <a:cubicBezTo>
                    <a:pt x="56" y="277"/>
                    <a:pt x="0" y="231"/>
                    <a:pt x="0" y="141"/>
                  </a:cubicBezTo>
                  <a:cubicBezTo>
                    <a:pt x="0" y="35"/>
                    <a:pt x="75" y="0"/>
                    <a:pt x="128" y="0"/>
                  </a:cubicBezTo>
                  <a:cubicBezTo>
                    <a:pt x="179" y="0"/>
                    <a:pt x="200" y="28"/>
                    <a:pt x="208" y="38"/>
                  </a:cubicBezTo>
                  <a:cubicBezTo>
                    <a:pt x="208" y="9"/>
                    <a:pt x="208" y="9"/>
                    <a:pt x="208" y="9"/>
                  </a:cubicBezTo>
                  <a:lnTo>
                    <a:pt x="276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5" name="Freeform 19">
              <a:extLst>
                <a:ext uri="{FF2B5EF4-FFF2-40B4-BE49-F238E27FC236}">
                  <a16:creationId xmlns:a16="http://schemas.microsoft.com/office/drawing/2014/main" id="{7B9F2C04-99E4-4FFB-B792-FB45D5335693}"/>
                </a:ext>
              </a:extLst>
            </p:cNvPr>
            <p:cNvSpPr>
              <a:spLocks noEditPoints="1"/>
            </p:cNvSpPr>
            <p:nvPr userDrawn="1"/>
          </p:nvSpPr>
          <p:spPr bwMode="black">
            <a:xfrm>
              <a:off x="1567" y="3884"/>
              <a:ext cx="200" cy="222"/>
            </a:xfrm>
            <a:custGeom>
              <a:avLst/>
              <a:gdLst>
                <a:gd name="T0" fmla="*/ 189 w 270"/>
                <a:gd name="T1" fmla="*/ 151 h 300"/>
                <a:gd name="T2" fmla="*/ 130 w 270"/>
                <a:gd name="T3" fmla="*/ 168 h 300"/>
                <a:gd name="T4" fmla="*/ 73 w 270"/>
                <a:gd name="T5" fmla="*/ 208 h 300"/>
                <a:gd name="T6" fmla="*/ 119 w 270"/>
                <a:gd name="T7" fmla="*/ 241 h 300"/>
                <a:gd name="T8" fmla="*/ 185 w 270"/>
                <a:gd name="T9" fmla="*/ 208 h 300"/>
                <a:gd name="T10" fmla="*/ 189 w 270"/>
                <a:gd name="T11" fmla="*/ 183 h 300"/>
                <a:gd name="T12" fmla="*/ 189 w 270"/>
                <a:gd name="T13" fmla="*/ 151 h 300"/>
                <a:gd name="T14" fmla="*/ 14 w 270"/>
                <a:gd name="T15" fmla="*/ 92 h 300"/>
                <a:gd name="T16" fmla="*/ 25 w 270"/>
                <a:gd name="T17" fmla="*/ 50 h 300"/>
                <a:gd name="T18" fmla="*/ 138 w 270"/>
                <a:gd name="T19" fmla="*/ 0 h 300"/>
                <a:gd name="T20" fmla="*/ 223 w 270"/>
                <a:gd name="T21" fmla="*/ 18 h 300"/>
                <a:gd name="T22" fmla="*/ 258 w 270"/>
                <a:gd name="T23" fmla="*/ 96 h 300"/>
                <a:gd name="T24" fmla="*/ 258 w 270"/>
                <a:gd name="T25" fmla="*/ 247 h 300"/>
                <a:gd name="T26" fmla="*/ 270 w 270"/>
                <a:gd name="T27" fmla="*/ 293 h 300"/>
                <a:gd name="T28" fmla="*/ 189 w 270"/>
                <a:gd name="T29" fmla="*/ 293 h 300"/>
                <a:gd name="T30" fmla="*/ 188 w 270"/>
                <a:gd name="T31" fmla="*/ 271 h 300"/>
                <a:gd name="T32" fmla="*/ 103 w 270"/>
                <a:gd name="T33" fmla="*/ 300 h 300"/>
                <a:gd name="T34" fmla="*/ 0 w 270"/>
                <a:gd name="T35" fmla="*/ 211 h 300"/>
                <a:gd name="T36" fmla="*/ 10 w 270"/>
                <a:gd name="T37" fmla="*/ 172 h 300"/>
                <a:gd name="T38" fmla="*/ 101 w 270"/>
                <a:gd name="T39" fmla="*/ 117 h 300"/>
                <a:gd name="T40" fmla="*/ 189 w 270"/>
                <a:gd name="T41" fmla="*/ 96 h 300"/>
                <a:gd name="T42" fmla="*/ 141 w 270"/>
                <a:gd name="T43" fmla="*/ 53 h 300"/>
                <a:gd name="T44" fmla="*/ 90 w 270"/>
                <a:gd name="T45" fmla="*/ 71 h 300"/>
                <a:gd name="T46" fmla="*/ 83 w 270"/>
                <a:gd name="T47" fmla="*/ 96 h 300"/>
                <a:gd name="T48" fmla="*/ 14 w 270"/>
                <a:gd name="T49" fmla="*/ 92 h 3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270" h="300">
                  <a:moveTo>
                    <a:pt x="189" y="151"/>
                  </a:moveTo>
                  <a:cubicBezTo>
                    <a:pt x="176" y="158"/>
                    <a:pt x="160" y="163"/>
                    <a:pt x="130" y="168"/>
                  </a:cubicBezTo>
                  <a:cubicBezTo>
                    <a:pt x="105" y="172"/>
                    <a:pt x="73" y="178"/>
                    <a:pt x="73" y="208"/>
                  </a:cubicBezTo>
                  <a:cubicBezTo>
                    <a:pt x="73" y="230"/>
                    <a:pt x="91" y="241"/>
                    <a:pt x="119" y="241"/>
                  </a:cubicBezTo>
                  <a:cubicBezTo>
                    <a:pt x="153" y="241"/>
                    <a:pt x="178" y="225"/>
                    <a:pt x="185" y="208"/>
                  </a:cubicBezTo>
                  <a:cubicBezTo>
                    <a:pt x="189" y="200"/>
                    <a:pt x="189" y="191"/>
                    <a:pt x="189" y="183"/>
                  </a:cubicBezTo>
                  <a:lnTo>
                    <a:pt x="189" y="151"/>
                  </a:lnTo>
                  <a:close/>
                  <a:moveTo>
                    <a:pt x="14" y="92"/>
                  </a:moveTo>
                  <a:cubicBezTo>
                    <a:pt x="15" y="78"/>
                    <a:pt x="16" y="66"/>
                    <a:pt x="25" y="50"/>
                  </a:cubicBezTo>
                  <a:cubicBezTo>
                    <a:pt x="52" y="0"/>
                    <a:pt x="120" y="0"/>
                    <a:pt x="138" y="0"/>
                  </a:cubicBezTo>
                  <a:cubicBezTo>
                    <a:pt x="165" y="0"/>
                    <a:pt x="198" y="4"/>
                    <a:pt x="223" y="18"/>
                  </a:cubicBezTo>
                  <a:cubicBezTo>
                    <a:pt x="257" y="39"/>
                    <a:pt x="258" y="66"/>
                    <a:pt x="258" y="96"/>
                  </a:cubicBezTo>
                  <a:cubicBezTo>
                    <a:pt x="258" y="247"/>
                    <a:pt x="258" y="247"/>
                    <a:pt x="258" y="247"/>
                  </a:cubicBezTo>
                  <a:cubicBezTo>
                    <a:pt x="258" y="269"/>
                    <a:pt x="258" y="276"/>
                    <a:pt x="270" y="293"/>
                  </a:cubicBezTo>
                  <a:cubicBezTo>
                    <a:pt x="189" y="293"/>
                    <a:pt x="189" y="293"/>
                    <a:pt x="189" y="293"/>
                  </a:cubicBezTo>
                  <a:cubicBezTo>
                    <a:pt x="189" y="286"/>
                    <a:pt x="188" y="275"/>
                    <a:pt x="188" y="271"/>
                  </a:cubicBezTo>
                  <a:cubicBezTo>
                    <a:pt x="173" y="283"/>
                    <a:pt x="143" y="300"/>
                    <a:pt x="103" y="300"/>
                  </a:cubicBezTo>
                  <a:cubicBezTo>
                    <a:pt x="39" y="300"/>
                    <a:pt x="0" y="260"/>
                    <a:pt x="0" y="211"/>
                  </a:cubicBezTo>
                  <a:cubicBezTo>
                    <a:pt x="0" y="197"/>
                    <a:pt x="4" y="184"/>
                    <a:pt x="10" y="172"/>
                  </a:cubicBezTo>
                  <a:cubicBezTo>
                    <a:pt x="30" y="132"/>
                    <a:pt x="74" y="122"/>
                    <a:pt x="101" y="117"/>
                  </a:cubicBezTo>
                  <a:cubicBezTo>
                    <a:pt x="160" y="105"/>
                    <a:pt x="164" y="104"/>
                    <a:pt x="189" y="96"/>
                  </a:cubicBezTo>
                  <a:cubicBezTo>
                    <a:pt x="189" y="82"/>
                    <a:pt x="188" y="53"/>
                    <a:pt x="141" y="53"/>
                  </a:cubicBezTo>
                  <a:cubicBezTo>
                    <a:pt x="112" y="53"/>
                    <a:pt x="97" y="62"/>
                    <a:pt x="90" y="71"/>
                  </a:cubicBezTo>
                  <a:cubicBezTo>
                    <a:pt x="83" y="80"/>
                    <a:pt x="83" y="88"/>
                    <a:pt x="83" y="96"/>
                  </a:cubicBezTo>
                  <a:lnTo>
                    <a:pt x="14" y="9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6" name="Rectangle 20">
              <a:extLst>
                <a:ext uri="{FF2B5EF4-FFF2-40B4-BE49-F238E27FC236}">
                  <a16:creationId xmlns:a16="http://schemas.microsoft.com/office/drawing/2014/main" id="{AF60013D-51A3-47B9-9F7A-B0C89657555E}"/>
                </a:ext>
              </a:extLst>
            </p:cNvPr>
            <p:cNvSpPr>
              <a:spLocks noChangeArrowheads="1"/>
            </p:cNvSpPr>
            <p:nvPr userDrawn="1"/>
          </p:nvSpPr>
          <p:spPr bwMode="black">
            <a:xfrm>
              <a:off x="1823" y="3804"/>
              <a:ext cx="51" cy="297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Freeform 21">
              <a:extLst>
                <a:ext uri="{FF2B5EF4-FFF2-40B4-BE49-F238E27FC236}">
                  <a16:creationId xmlns:a16="http://schemas.microsoft.com/office/drawing/2014/main" id="{D97FC7EA-953F-46E9-A765-18618713756E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49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08 w 250"/>
                <a:gd name="T3" fmla="*/ 62 h 217"/>
                <a:gd name="T4" fmla="*/ 250 w 250"/>
                <a:gd name="T5" fmla="*/ 0 h 217"/>
                <a:gd name="T6" fmla="*/ 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08" y="62"/>
                  </a:lnTo>
                  <a:lnTo>
                    <a:pt x="250" y="0"/>
                  </a:lnTo>
                  <a:lnTo>
                    <a:pt x="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557DC391-694C-4276-B770-B1E71333F1E4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365" y="3738"/>
              <a:ext cx="250" cy="217"/>
            </a:xfrm>
            <a:custGeom>
              <a:avLst/>
              <a:gdLst>
                <a:gd name="T0" fmla="*/ 250 w 250"/>
                <a:gd name="T1" fmla="*/ 0 h 217"/>
                <a:gd name="T2" fmla="*/ 125 w 250"/>
                <a:gd name="T3" fmla="*/ 92 h 217"/>
                <a:gd name="T4" fmla="*/ 0 w 250"/>
                <a:gd name="T5" fmla="*/ 0 h 217"/>
                <a:gd name="T6" fmla="*/ 125 w 250"/>
                <a:gd name="T7" fmla="*/ 217 h 217"/>
                <a:gd name="T8" fmla="*/ 250 w 250"/>
                <a:gd name="T9" fmla="*/ 0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250" y="0"/>
                  </a:moveTo>
                  <a:lnTo>
                    <a:pt x="125" y="92"/>
                  </a:lnTo>
                  <a:lnTo>
                    <a:pt x="0" y="0"/>
                  </a:lnTo>
                  <a:lnTo>
                    <a:pt x="125" y="217"/>
                  </a:lnTo>
                  <a:lnTo>
                    <a:pt x="250" y="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9" name="Freeform 23">
              <a:extLst>
                <a:ext uri="{FF2B5EF4-FFF2-40B4-BE49-F238E27FC236}">
                  <a16:creationId xmlns:a16="http://schemas.microsoft.com/office/drawing/2014/main" id="{728B1B69-8B42-4FEF-853A-FAF219DB54B0}"/>
                </a:ext>
              </a:extLst>
            </p:cNvPr>
            <p:cNvSpPr>
              <a:spLocks/>
            </p:cNvSpPr>
            <p:nvPr userDrawn="1"/>
          </p:nvSpPr>
          <p:spPr bwMode="black">
            <a:xfrm>
              <a:off x="240" y="3955"/>
              <a:ext cx="250" cy="217"/>
            </a:xfrm>
            <a:custGeom>
              <a:avLst/>
              <a:gdLst>
                <a:gd name="T0" fmla="*/ 125 w 250"/>
                <a:gd name="T1" fmla="*/ 217 h 217"/>
                <a:gd name="T2" fmla="*/ 141 w 250"/>
                <a:gd name="T3" fmla="*/ 62 h 217"/>
                <a:gd name="T4" fmla="*/ 0 w 250"/>
                <a:gd name="T5" fmla="*/ 0 h 217"/>
                <a:gd name="T6" fmla="*/ 250 w 250"/>
                <a:gd name="T7" fmla="*/ 0 h 217"/>
                <a:gd name="T8" fmla="*/ 125 w 250"/>
                <a:gd name="T9" fmla="*/ 217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50" h="217">
                  <a:moveTo>
                    <a:pt x="125" y="217"/>
                  </a:moveTo>
                  <a:lnTo>
                    <a:pt x="141" y="62"/>
                  </a:lnTo>
                  <a:lnTo>
                    <a:pt x="0" y="0"/>
                  </a:lnTo>
                  <a:lnTo>
                    <a:pt x="250" y="0"/>
                  </a:lnTo>
                  <a:lnTo>
                    <a:pt x="125" y="217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30" name="Slide Number Placeholder 7">
            <a:extLst>
              <a:ext uri="{FF2B5EF4-FFF2-40B4-BE49-F238E27FC236}">
                <a16:creationId xmlns:a16="http://schemas.microsoft.com/office/drawing/2014/main" id="{3BEB42DC-70E8-4376-AC98-23DBC0782B38}"/>
              </a:ext>
            </a:extLst>
          </p:cNvPr>
          <p:cNvSpPr txBox="1">
            <a:spLocks/>
          </p:cNvSpPr>
          <p:nvPr/>
        </p:nvSpPr>
        <p:spPr bwMode="black">
          <a:xfrm>
            <a:off x="11626638" y="6577877"/>
            <a:ext cx="547777" cy="225484"/>
          </a:xfrm>
          <a:prstGeom prst="rect">
            <a:avLst/>
          </a:prstGeom>
          <a:ln>
            <a:noFill/>
          </a:ln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algn="r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0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96C8835-0D17-40BE-AF3A-B681D566BC72}" type="slidenum"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4799436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reeform 5"/>
          <p:cNvSpPr>
            <a:spLocks/>
          </p:cNvSpPr>
          <p:nvPr/>
        </p:nvSpPr>
        <p:spPr bwMode="gray">
          <a:xfrm>
            <a:off x="0" y="4764"/>
            <a:ext cx="12192000" cy="6853237"/>
          </a:xfrm>
          <a:custGeom>
            <a:avLst/>
            <a:gdLst>
              <a:gd name="T0" fmla="*/ 0 w 5764"/>
              <a:gd name="T1" fmla="*/ 2224 h 4317"/>
              <a:gd name="T2" fmla="*/ 3965 w 5764"/>
              <a:gd name="T3" fmla="*/ 0 h 4317"/>
              <a:gd name="T4" fmla="*/ 5764 w 5764"/>
              <a:gd name="T5" fmla="*/ 0 h 4317"/>
              <a:gd name="T6" fmla="*/ 5764 w 5764"/>
              <a:gd name="T7" fmla="*/ 2081 h 4317"/>
              <a:gd name="T8" fmla="*/ 1745 w 5764"/>
              <a:gd name="T9" fmla="*/ 4317 h 4317"/>
              <a:gd name="T10" fmla="*/ 0 w 5764"/>
              <a:gd name="T11" fmla="*/ 4317 h 4317"/>
              <a:gd name="T12" fmla="*/ 0 w 5764"/>
              <a:gd name="T13" fmla="*/ 2224 h 431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5764" h="4317">
                <a:moveTo>
                  <a:pt x="0" y="2224"/>
                </a:moveTo>
                <a:lnTo>
                  <a:pt x="3965" y="0"/>
                </a:lnTo>
                <a:lnTo>
                  <a:pt x="5764" y="0"/>
                </a:lnTo>
                <a:lnTo>
                  <a:pt x="5764" y="2081"/>
                </a:lnTo>
                <a:lnTo>
                  <a:pt x="1745" y="4317"/>
                </a:lnTo>
                <a:lnTo>
                  <a:pt x="0" y="4317"/>
                </a:lnTo>
                <a:lnTo>
                  <a:pt x="0" y="2224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7" name="Rectangle 6"/>
          <p:cNvSpPr/>
          <p:nvPr/>
        </p:nvSpPr>
        <p:spPr bwMode="gray">
          <a:xfrm>
            <a:off x="1861073" y="1494444"/>
            <a:ext cx="8607014" cy="3594792"/>
          </a:xfrm>
          <a:prstGeom prst="rect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228600" tIns="228600" rIns="228600" bIns="228600" rtlCol="0" anchor="ctr">
            <a:noAutofit/>
          </a:bodyPr>
          <a:lstStyle/>
          <a:p>
            <a:pPr algn="ctr">
              <a:spcAft>
                <a:spcPts val="1200"/>
              </a:spcAft>
            </a:pPr>
            <a:r>
              <a:rPr lang="en-US" sz="3600" dirty="0">
                <a:solidFill>
                  <a:schemeClr val="accent1">
                    <a:lumMod val="50000"/>
                  </a:schemeClr>
                </a:solidFill>
              </a:rPr>
              <a:t>Disruption is the event or force.</a:t>
            </a:r>
          </a:p>
          <a:p>
            <a:pPr algn="ctr">
              <a:spcAft>
                <a:spcPts val="1200"/>
              </a:spcAft>
            </a:pPr>
            <a:r>
              <a:rPr lang="en-US" sz="3600" dirty="0">
                <a:solidFill>
                  <a:schemeClr val="accent1">
                    <a:lumMod val="50000"/>
                  </a:schemeClr>
                </a:solidFill>
              </a:rPr>
              <a:t>Uncertainty is the condition.</a:t>
            </a:r>
          </a:p>
          <a:p>
            <a:pPr algn="ctr">
              <a:spcAft>
                <a:spcPts val="1200"/>
              </a:spcAft>
            </a:pPr>
            <a:endParaRPr lang="en-US" sz="2000" dirty="0">
              <a:solidFill>
                <a:schemeClr val="accent1">
                  <a:lumMod val="50000"/>
                </a:schemeClr>
              </a:solidFill>
            </a:endParaRPr>
          </a:p>
          <a:p>
            <a:pPr algn="ctr">
              <a:spcAft>
                <a:spcPts val="1200"/>
              </a:spcAft>
            </a:pPr>
            <a:r>
              <a:rPr lang="en-US" sz="3600" dirty="0">
                <a:solidFill>
                  <a:schemeClr val="accent1">
                    <a:lumMod val="50000"/>
                  </a:schemeClr>
                </a:solidFill>
              </a:rPr>
              <a:t>Disruption is the storm.</a:t>
            </a:r>
          </a:p>
          <a:p>
            <a:pPr algn="ctr">
              <a:spcAft>
                <a:spcPts val="1200"/>
              </a:spcAft>
            </a:pPr>
            <a:r>
              <a:rPr lang="en-US" sz="3600" dirty="0">
                <a:solidFill>
                  <a:schemeClr val="accent1">
                    <a:lumMod val="50000"/>
                  </a:schemeClr>
                </a:solidFill>
              </a:rPr>
              <a:t>Uncertainty is the fog. </a:t>
            </a:r>
          </a:p>
        </p:txBody>
      </p:sp>
      <p:sp>
        <p:nvSpPr>
          <p:cNvPr id="8" name="Freeform 10"/>
          <p:cNvSpPr>
            <a:spLocks noEditPoints="1"/>
          </p:cNvSpPr>
          <p:nvPr/>
        </p:nvSpPr>
        <p:spPr bwMode="gray">
          <a:xfrm>
            <a:off x="2133600" y="1769532"/>
            <a:ext cx="600845" cy="526331"/>
          </a:xfrm>
          <a:custGeom>
            <a:avLst/>
            <a:gdLst>
              <a:gd name="T0" fmla="*/ 353 w 1620"/>
              <a:gd name="T1" fmla="*/ 714 h 1422"/>
              <a:gd name="T2" fmla="*/ 708 w 1620"/>
              <a:gd name="T3" fmla="*/ 714 h 1422"/>
              <a:gd name="T4" fmla="*/ 708 w 1620"/>
              <a:gd name="T5" fmla="*/ 1422 h 1422"/>
              <a:gd name="T6" fmla="*/ 0 w 1620"/>
              <a:gd name="T7" fmla="*/ 1422 h 1422"/>
              <a:gd name="T8" fmla="*/ 0 w 1620"/>
              <a:gd name="T9" fmla="*/ 784 h 1422"/>
              <a:gd name="T10" fmla="*/ 12 w 1620"/>
              <a:gd name="T11" fmla="*/ 585 h 1422"/>
              <a:gd name="T12" fmla="*/ 707 w 1620"/>
              <a:gd name="T13" fmla="*/ 0 h 1422"/>
              <a:gd name="T14" fmla="*/ 708 w 1620"/>
              <a:gd name="T15" fmla="*/ 0 h 1422"/>
              <a:gd name="T16" fmla="*/ 708 w 1620"/>
              <a:gd name="T17" fmla="*/ 352 h 1422"/>
              <a:gd name="T18" fmla="*/ 706 w 1620"/>
              <a:gd name="T19" fmla="*/ 354 h 1422"/>
              <a:gd name="T20" fmla="*/ 353 w 1620"/>
              <a:gd name="T21" fmla="*/ 714 h 1422"/>
              <a:gd name="T22" fmla="*/ 1617 w 1620"/>
              <a:gd name="T23" fmla="*/ 354 h 1422"/>
              <a:gd name="T24" fmla="*/ 1620 w 1620"/>
              <a:gd name="T25" fmla="*/ 352 h 1422"/>
              <a:gd name="T26" fmla="*/ 1620 w 1620"/>
              <a:gd name="T27" fmla="*/ 0 h 1422"/>
              <a:gd name="T28" fmla="*/ 1617 w 1620"/>
              <a:gd name="T29" fmla="*/ 0 h 1422"/>
              <a:gd name="T30" fmla="*/ 918 w 1620"/>
              <a:gd name="T31" fmla="*/ 585 h 1422"/>
              <a:gd name="T32" fmla="*/ 904 w 1620"/>
              <a:gd name="T33" fmla="*/ 784 h 1422"/>
              <a:gd name="T34" fmla="*/ 904 w 1620"/>
              <a:gd name="T35" fmla="*/ 1422 h 1422"/>
              <a:gd name="T36" fmla="*/ 1620 w 1620"/>
              <a:gd name="T37" fmla="*/ 1422 h 1422"/>
              <a:gd name="T38" fmla="*/ 1620 w 1620"/>
              <a:gd name="T39" fmla="*/ 714 h 1422"/>
              <a:gd name="T40" fmla="*/ 1263 w 1620"/>
              <a:gd name="T41" fmla="*/ 714 h 1422"/>
              <a:gd name="T42" fmla="*/ 1617 w 1620"/>
              <a:gd name="T43" fmla="*/ 354 h 14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</a:cxnLst>
            <a:rect l="0" t="0" r="r" b="b"/>
            <a:pathLst>
              <a:path w="1620" h="1422">
                <a:moveTo>
                  <a:pt x="353" y="714"/>
                </a:moveTo>
                <a:cubicBezTo>
                  <a:pt x="708" y="714"/>
                  <a:pt x="708" y="714"/>
                  <a:pt x="708" y="714"/>
                </a:cubicBezTo>
                <a:cubicBezTo>
                  <a:pt x="708" y="1422"/>
                  <a:pt x="708" y="1422"/>
                  <a:pt x="708" y="1422"/>
                </a:cubicBezTo>
                <a:cubicBezTo>
                  <a:pt x="0" y="1422"/>
                  <a:pt x="0" y="1422"/>
                  <a:pt x="0" y="1422"/>
                </a:cubicBezTo>
                <a:cubicBezTo>
                  <a:pt x="0" y="784"/>
                  <a:pt x="0" y="784"/>
                  <a:pt x="0" y="784"/>
                </a:cubicBezTo>
                <a:cubicBezTo>
                  <a:pt x="0" y="718"/>
                  <a:pt x="0" y="651"/>
                  <a:pt x="12" y="585"/>
                </a:cubicBezTo>
                <a:cubicBezTo>
                  <a:pt x="71" y="253"/>
                  <a:pt x="357" y="0"/>
                  <a:pt x="707" y="0"/>
                </a:cubicBezTo>
                <a:cubicBezTo>
                  <a:pt x="707" y="0"/>
                  <a:pt x="708" y="0"/>
                  <a:pt x="708" y="0"/>
                </a:cubicBezTo>
                <a:cubicBezTo>
                  <a:pt x="708" y="352"/>
                  <a:pt x="708" y="352"/>
                  <a:pt x="708" y="352"/>
                </a:cubicBezTo>
                <a:cubicBezTo>
                  <a:pt x="708" y="352"/>
                  <a:pt x="707" y="354"/>
                  <a:pt x="706" y="354"/>
                </a:cubicBezTo>
                <a:cubicBezTo>
                  <a:pt x="508" y="354"/>
                  <a:pt x="353" y="510"/>
                  <a:pt x="353" y="714"/>
                </a:cubicBezTo>
                <a:close/>
                <a:moveTo>
                  <a:pt x="1617" y="354"/>
                </a:moveTo>
                <a:cubicBezTo>
                  <a:pt x="1618" y="354"/>
                  <a:pt x="1620" y="352"/>
                  <a:pt x="1620" y="352"/>
                </a:cubicBezTo>
                <a:cubicBezTo>
                  <a:pt x="1620" y="0"/>
                  <a:pt x="1620" y="0"/>
                  <a:pt x="1620" y="0"/>
                </a:cubicBezTo>
                <a:cubicBezTo>
                  <a:pt x="1620" y="0"/>
                  <a:pt x="1618" y="0"/>
                  <a:pt x="1617" y="0"/>
                </a:cubicBezTo>
                <a:cubicBezTo>
                  <a:pt x="1268" y="0"/>
                  <a:pt x="978" y="253"/>
                  <a:pt x="918" y="585"/>
                </a:cubicBezTo>
                <a:cubicBezTo>
                  <a:pt x="907" y="651"/>
                  <a:pt x="904" y="718"/>
                  <a:pt x="904" y="784"/>
                </a:cubicBezTo>
                <a:cubicBezTo>
                  <a:pt x="904" y="1422"/>
                  <a:pt x="904" y="1422"/>
                  <a:pt x="904" y="1422"/>
                </a:cubicBezTo>
                <a:cubicBezTo>
                  <a:pt x="1620" y="1422"/>
                  <a:pt x="1620" y="1422"/>
                  <a:pt x="1620" y="1422"/>
                </a:cubicBezTo>
                <a:cubicBezTo>
                  <a:pt x="1620" y="714"/>
                  <a:pt x="1620" y="714"/>
                  <a:pt x="1620" y="714"/>
                </a:cubicBezTo>
                <a:cubicBezTo>
                  <a:pt x="1263" y="714"/>
                  <a:pt x="1263" y="714"/>
                  <a:pt x="1263" y="714"/>
                </a:cubicBezTo>
                <a:cubicBezTo>
                  <a:pt x="1263" y="510"/>
                  <a:pt x="1419" y="354"/>
                  <a:pt x="1617" y="354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>
              <a:defRPr/>
            </a:pPr>
            <a:endParaRPr lang="en-US" sz="1400">
              <a:solidFill>
                <a:srgbClr val="3C2472"/>
              </a:solidFill>
              <a:latin typeface="Franklin Gothic Book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F7C4148-B5FD-E7C7-0D9E-3D01A645C6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8600" y="228600"/>
            <a:ext cx="11811000" cy="1325563"/>
          </a:xfrm>
        </p:spPr>
        <p:txBody>
          <a:bodyPr/>
          <a:lstStyle/>
          <a:p>
            <a:r>
              <a:rPr lang="en-US" dirty="0"/>
              <a:t>Key Concept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46414830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94F033-A045-BA9E-D743-603D6DE027F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reeform 5">
            <a:extLst>
              <a:ext uri="{FF2B5EF4-FFF2-40B4-BE49-F238E27FC236}">
                <a16:creationId xmlns:a16="http://schemas.microsoft.com/office/drawing/2014/main" id="{E28634F4-D93C-138E-F90F-8D537B7E1F75}"/>
              </a:ext>
            </a:extLst>
          </p:cNvPr>
          <p:cNvSpPr>
            <a:spLocks/>
          </p:cNvSpPr>
          <p:nvPr/>
        </p:nvSpPr>
        <p:spPr bwMode="gray">
          <a:xfrm>
            <a:off x="0" y="4764"/>
            <a:ext cx="12192000" cy="6853237"/>
          </a:xfrm>
          <a:custGeom>
            <a:avLst/>
            <a:gdLst>
              <a:gd name="T0" fmla="*/ 0 w 5764"/>
              <a:gd name="T1" fmla="*/ 2224 h 4317"/>
              <a:gd name="T2" fmla="*/ 3965 w 5764"/>
              <a:gd name="T3" fmla="*/ 0 h 4317"/>
              <a:gd name="T4" fmla="*/ 5764 w 5764"/>
              <a:gd name="T5" fmla="*/ 0 h 4317"/>
              <a:gd name="T6" fmla="*/ 5764 w 5764"/>
              <a:gd name="T7" fmla="*/ 2081 h 4317"/>
              <a:gd name="T8" fmla="*/ 1745 w 5764"/>
              <a:gd name="T9" fmla="*/ 4317 h 4317"/>
              <a:gd name="T10" fmla="*/ 0 w 5764"/>
              <a:gd name="T11" fmla="*/ 4317 h 4317"/>
              <a:gd name="T12" fmla="*/ 0 w 5764"/>
              <a:gd name="T13" fmla="*/ 2224 h 431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5764" h="4317">
                <a:moveTo>
                  <a:pt x="0" y="2224"/>
                </a:moveTo>
                <a:lnTo>
                  <a:pt x="3965" y="0"/>
                </a:lnTo>
                <a:lnTo>
                  <a:pt x="5764" y="0"/>
                </a:lnTo>
                <a:lnTo>
                  <a:pt x="5764" y="2081"/>
                </a:lnTo>
                <a:lnTo>
                  <a:pt x="1745" y="4317"/>
                </a:lnTo>
                <a:lnTo>
                  <a:pt x="0" y="4317"/>
                </a:lnTo>
                <a:lnTo>
                  <a:pt x="0" y="2224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5B7B1742-500E-6A06-48DC-31F2A4012BD0}"/>
              </a:ext>
            </a:extLst>
          </p:cNvPr>
          <p:cNvSpPr/>
          <p:nvPr/>
        </p:nvSpPr>
        <p:spPr bwMode="gray">
          <a:xfrm>
            <a:off x="1861073" y="1494444"/>
            <a:ext cx="8607014" cy="3594792"/>
          </a:xfrm>
          <a:prstGeom prst="rect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228600" tIns="228600" rIns="228600" bIns="228600" rtlCol="0" anchor="ctr">
            <a:noAutofit/>
          </a:bodyPr>
          <a:lstStyle/>
          <a:p>
            <a:pPr algn="ctr">
              <a:spcAft>
                <a:spcPts val="1200"/>
              </a:spcAft>
            </a:pPr>
            <a:r>
              <a:rPr lang="en-US" sz="3600" dirty="0">
                <a:solidFill>
                  <a:schemeClr val="accent1">
                    <a:lumMod val="50000"/>
                  </a:schemeClr>
                </a:solidFill>
              </a:rPr>
              <a:t>Disruption challenges systems; </a:t>
            </a:r>
          </a:p>
          <a:p>
            <a:pPr algn="ctr">
              <a:spcAft>
                <a:spcPts val="1200"/>
              </a:spcAft>
            </a:pPr>
            <a:r>
              <a:rPr lang="en-US" sz="3600" dirty="0">
                <a:solidFill>
                  <a:schemeClr val="accent1">
                    <a:lumMod val="50000"/>
                  </a:schemeClr>
                </a:solidFill>
              </a:rPr>
              <a:t>leadership defines outcomes.</a:t>
            </a:r>
          </a:p>
        </p:txBody>
      </p:sp>
      <p:sp>
        <p:nvSpPr>
          <p:cNvPr id="8" name="Freeform 10">
            <a:extLst>
              <a:ext uri="{FF2B5EF4-FFF2-40B4-BE49-F238E27FC236}">
                <a16:creationId xmlns:a16="http://schemas.microsoft.com/office/drawing/2014/main" id="{501AD2C4-5DBB-35E3-3171-90DBC358B9AE}"/>
              </a:ext>
            </a:extLst>
          </p:cNvPr>
          <p:cNvSpPr>
            <a:spLocks noEditPoints="1"/>
          </p:cNvSpPr>
          <p:nvPr/>
        </p:nvSpPr>
        <p:spPr bwMode="gray">
          <a:xfrm>
            <a:off x="2438400" y="1947089"/>
            <a:ext cx="600845" cy="526331"/>
          </a:xfrm>
          <a:custGeom>
            <a:avLst/>
            <a:gdLst>
              <a:gd name="T0" fmla="*/ 353 w 1620"/>
              <a:gd name="T1" fmla="*/ 714 h 1422"/>
              <a:gd name="T2" fmla="*/ 708 w 1620"/>
              <a:gd name="T3" fmla="*/ 714 h 1422"/>
              <a:gd name="T4" fmla="*/ 708 w 1620"/>
              <a:gd name="T5" fmla="*/ 1422 h 1422"/>
              <a:gd name="T6" fmla="*/ 0 w 1620"/>
              <a:gd name="T7" fmla="*/ 1422 h 1422"/>
              <a:gd name="T8" fmla="*/ 0 w 1620"/>
              <a:gd name="T9" fmla="*/ 784 h 1422"/>
              <a:gd name="T10" fmla="*/ 12 w 1620"/>
              <a:gd name="T11" fmla="*/ 585 h 1422"/>
              <a:gd name="T12" fmla="*/ 707 w 1620"/>
              <a:gd name="T13" fmla="*/ 0 h 1422"/>
              <a:gd name="T14" fmla="*/ 708 w 1620"/>
              <a:gd name="T15" fmla="*/ 0 h 1422"/>
              <a:gd name="T16" fmla="*/ 708 w 1620"/>
              <a:gd name="T17" fmla="*/ 352 h 1422"/>
              <a:gd name="T18" fmla="*/ 706 w 1620"/>
              <a:gd name="T19" fmla="*/ 354 h 1422"/>
              <a:gd name="T20" fmla="*/ 353 w 1620"/>
              <a:gd name="T21" fmla="*/ 714 h 1422"/>
              <a:gd name="T22" fmla="*/ 1617 w 1620"/>
              <a:gd name="T23" fmla="*/ 354 h 1422"/>
              <a:gd name="T24" fmla="*/ 1620 w 1620"/>
              <a:gd name="T25" fmla="*/ 352 h 1422"/>
              <a:gd name="T26" fmla="*/ 1620 w 1620"/>
              <a:gd name="T27" fmla="*/ 0 h 1422"/>
              <a:gd name="T28" fmla="*/ 1617 w 1620"/>
              <a:gd name="T29" fmla="*/ 0 h 1422"/>
              <a:gd name="T30" fmla="*/ 918 w 1620"/>
              <a:gd name="T31" fmla="*/ 585 h 1422"/>
              <a:gd name="T32" fmla="*/ 904 w 1620"/>
              <a:gd name="T33" fmla="*/ 784 h 1422"/>
              <a:gd name="T34" fmla="*/ 904 w 1620"/>
              <a:gd name="T35" fmla="*/ 1422 h 1422"/>
              <a:gd name="T36" fmla="*/ 1620 w 1620"/>
              <a:gd name="T37" fmla="*/ 1422 h 1422"/>
              <a:gd name="T38" fmla="*/ 1620 w 1620"/>
              <a:gd name="T39" fmla="*/ 714 h 1422"/>
              <a:gd name="T40" fmla="*/ 1263 w 1620"/>
              <a:gd name="T41" fmla="*/ 714 h 1422"/>
              <a:gd name="T42" fmla="*/ 1617 w 1620"/>
              <a:gd name="T43" fmla="*/ 354 h 14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</a:cxnLst>
            <a:rect l="0" t="0" r="r" b="b"/>
            <a:pathLst>
              <a:path w="1620" h="1422">
                <a:moveTo>
                  <a:pt x="353" y="714"/>
                </a:moveTo>
                <a:cubicBezTo>
                  <a:pt x="708" y="714"/>
                  <a:pt x="708" y="714"/>
                  <a:pt x="708" y="714"/>
                </a:cubicBezTo>
                <a:cubicBezTo>
                  <a:pt x="708" y="1422"/>
                  <a:pt x="708" y="1422"/>
                  <a:pt x="708" y="1422"/>
                </a:cubicBezTo>
                <a:cubicBezTo>
                  <a:pt x="0" y="1422"/>
                  <a:pt x="0" y="1422"/>
                  <a:pt x="0" y="1422"/>
                </a:cubicBezTo>
                <a:cubicBezTo>
                  <a:pt x="0" y="784"/>
                  <a:pt x="0" y="784"/>
                  <a:pt x="0" y="784"/>
                </a:cubicBezTo>
                <a:cubicBezTo>
                  <a:pt x="0" y="718"/>
                  <a:pt x="0" y="651"/>
                  <a:pt x="12" y="585"/>
                </a:cubicBezTo>
                <a:cubicBezTo>
                  <a:pt x="71" y="253"/>
                  <a:pt x="357" y="0"/>
                  <a:pt x="707" y="0"/>
                </a:cubicBezTo>
                <a:cubicBezTo>
                  <a:pt x="707" y="0"/>
                  <a:pt x="708" y="0"/>
                  <a:pt x="708" y="0"/>
                </a:cubicBezTo>
                <a:cubicBezTo>
                  <a:pt x="708" y="352"/>
                  <a:pt x="708" y="352"/>
                  <a:pt x="708" y="352"/>
                </a:cubicBezTo>
                <a:cubicBezTo>
                  <a:pt x="708" y="352"/>
                  <a:pt x="707" y="354"/>
                  <a:pt x="706" y="354"/>
                </a:cubicBezTo>
                <a:cubicBezTo>
                  <a:pt x="508" y="354"/>
                  <a:pt x="353" y="510"/>
                  <a:pt x="353" y="714"/>
                </a:cubicBezTo>
                <a:close/>
                <a:moveTo>
                  <a:pt x="1617" y="354"/>
                </a:moveTo>
                <a:cubicBezTo>
                  <a:pt x="1618" y="354"/>
                  <a:pt x="1620" y="352"/>
                  <a:pt x="1620" y="352"/>
                </a:cubicBezTo>
                <a:cubicBezTo>
                  <a:pt x="1620" y="0"/>
                  <a:pt x="1620" y="0"/>
                  <a:pt x="1620" y="0"/>
                </a:cubicBezTo>
                <a:cubicBezTo>
                  <a:pt x="1620" y="0"/>
                  <a:pt x="1618" y="0"/>
                  <a:pt x="1617" y="0"/>
                </a:cubicBezTo>
                <a:cubicBezTo>
                  <a:pt x="1268" y="0"/>
                  <a:pt x="978" y="253"/>
                  <a:pt x="918" y="585"/>
                </a:cubicBezTo>
                <a:cubicBezTo>
                  <a:pt x="907" y="651"/>
                  <a:pt x="904" y="718"/>
                  <a:pt x="904" y="784"/>
                </a:cubicBezTo>
                <a:cubicBezTo>
                  <a:pt x="904" y="1422"/>
                  <a:pt x="904" y="1422"/>
                  <a:pt x="904" y="1422"/>
                </a:cubicBezTo>
                <a:cubicBezTo>
                  <a:pt x="1620" y="1422"/>
                  <a:pt x="1620" y="1422"/>
                  <a:pt x="1620" y="1422"/>
                </a:cubicBezTo>
                <a:cubicBezTo>
                  <a:pt x="1620" y="714"/>
                  <a:pt x="1620" y="714"/>
                  <a:pt x="1620" y="714"/>
                </a:cubicBezTo>
                <a:cubicBezTo>
                  <a:pt x="1263" y="714"/>
                  <a:pt x="1263" y="714"/>
                  <a:pt x="1263" y="714"/>
                </a:cubicBezTo>
                <a:cubicBezTo>
                  <a:pt x="1263" y="510"/>
                  <a:pt x="1419" y="354"/>
                  <a:pt x="1617" y="354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>
              <a:defRPr/>
            </a:pPr>
            <a:endParaRPr lang="en-US" sz="1400">
              <a:solidFill>
                <a:srgbClr val="3C2472"/>
              </a:solidFill>
              <a:latin typeface="Franklin Gothic Book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BCE688-7F06-B3ED-DAE7-2C9C072EE4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8600" y="228600"/>
            <a:ext cx="11811000" cy="1325563"/>
          </a:xfrm>
        </p:spPr>
        <p:txBody>
          <a:bodyPr/>
          <a:lstStyle/>
          <a:p>
            <a:r>
              <a:rPr lang="en-US" dirty="0"/>
              <a:t>Key Concept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9072010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21">
            <a:extLst>
              <a:ext uri="{FF2B5EF4-FFF2-40B4-BE49-F238E27FC236}">
                <a16:creationId xmlns:a16="http://schemas.microsoft.com/office/drawing/2014/main" id="{9B7DC161-7F79-4BD7-B21A-AF408B786AB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 flipH="1" flipV="1">
            <a:off x="594885" y="3622731"/>
            <a:ext cx="179392" cy="262348"/>
          </a:xfrm>
          <a:custGeom>
            <a:avLst/>
            <a:gdLst>
              <a:gd name="connsiteX0" fmla="*/ 0 w 576064"/>
              <a:gd name="connsiteY0" fmla="*/ 0 h 243594"/>
              <a:gd name="connsiteX1" fmla="*/ 576064 w 576064"/>
              <a:gd name="connsiteY1" fmla="*/ 0 h 243594"/>
              <a:gd name="connsiteX2" fmla="*/ 576064 w 576064"/>
              <a:gd name="connsiteY2" fmla="*/ 243594 h 243594"/>
              <a:gd name="connsiteX3" fmla="*/ 0 w 576064"/>
              <a:gd name="connsiteY3" fmla="*/ 243594 h 243594"/>
              <a:gd name="connsiteX4" fmla="*/ 0 w 576064"/>
              <a:gd name="connsiteY4" fmla="*/ 0 h 243594"/>
              <a:gd name="connsiteX0" fmla="*/ 0 w 576064"/>
              <a:gd name="connsiteY0" fmla="*/ 0 h 243594"/>
              <a:gd name="connsiteX1" fmla="*/ 576064 w 576064"/>
              <a:gd name="connsiteY1" fmla="*/ 243594 h 243594"/>
              <a:gd name="connsiteX2" fmla="*/ 0 w 576064"/>
              <a:gd name="connsiteY2" fmla="*/ 243594 h 243594"/>
              <a:gd name="connsiteX3" fmla="*/ 0 w 576064"/>
              <a:gd name="connsiteY3" fmla="*/ 0 h 2435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6064" h="243594">
                <a:moveTo>
                  <a:pt x="0" y="0"/>
                </a:moveTo>
                <a:lnTo>
                  <a:pt x="576064" y="243594"/>
                </a:lnTo>
                <a:lnTo>
                  <a:pt x="0" y="24359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IN"/>
          </a:p>
        </p:txBody>
      </p:sp>
      <p:sp>
        <p:nvSpPr>
          <p:cNvPr id="14" name="Rectangle 21">
            <a:extLst>
              <a:ext uri="{FF2B5EF4-FFF2-40B4-BE49-F238E27FC236}">
                <a16:creationId xmlns:a16="http://schemas.microsoft.com/office/drawing/2014/main" id="{FC753911-46A3-4DE2-8779-9D88E1F7771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 flipH="1">
            <a:off x="594885" y="1502496"/>
            <a:ext cx="179392" cy="262348"/>
          </a:xfrm>
          <a:custGeom>
            <a:avLst/>
            <a:gdLst>
              <a:gd name="connsiteX0" fmla="*/ 0 w 576064"/>
              <a:gd name="connsiteY0" fmla="*/ 0 h 243594"/>
              <a:gd name="connsiteX1" fmla="*/ 576064 w 576064"/>
              <a:gd name="connsiteY1" fmla="*/ 0 h 243594"/>
              <a:gd name="connsiteX2" fmla="*/ 576064 w 576064"/>
              <a:gd name="connsiteY2" fmla="*/ 243594 h 243594"/>
              <a:gd name="connsiteX3" fmla="*/ 0 w 576064"/>
              <a:gd name="connsiteY3" fmla="*/ 243594 h 243594"/>
              <a:gd name="connsiteX4" fmla="*/ 0 w 576064"/>
              <a:gd name="connsiteY4" fmla="*/ 0 h 243594"/>
              <a:gd name="connsiteX0" fmla="*/ 0 w 576064"/>
              <a:gd name="connsiteY0" fmla="*/ 0 h 243594"/>
              <a:gd name="connsiteX1" fmla="*/ 576064 w 576064"/>
              <a:gd name="connsiteY1" fmla="*/ 243594 h 243594"/>
              <a:gd name="connsiteX2" fmla="*/ 0 w 576064"/>
              <a:gd name="connsiteY2" fmla="*/ 243594 h 243594"/>
              <a:gd name="connsiteX3" fmla="*/ 0 w 576064"/>
              <a:gd name="connsiteY3" fmla="*/ 0 h 2435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6064" h="243594">
                <a:moveTo>
                  <a:pt x="0" y="0"/>
                </a:moveTo>
                <a:lnTo>
                  <a:pt x="576064" y="243594"/>
                </a:lnTo>
                <a:lnTo>
                  <a:pt x="0" y="24359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IN"/>
          </a:p>
        </p:txBody>
      </p:sp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13C6A836-5B10-44EA-85DB-87F50D13F8D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>
            <a:off x="774277" y="1502495"/>
            <a:ext cx="1332776" cy="1252945"/>
          </a:xfrm>
          <a:custGeom>
            <a:avLst/>
            <a:gdLst>
              <a:gd name="connsiteX0" fmla="*/ 0 w 1332776"/>
              <a:gd name="connsiteY0" fmla="*/ 0 h 406364"/>
              <a:gd name="connsiteX1" fmla="*/ 1332776 w 1332776"/>
              <a:gd name="connsiteY1" fmla="*/ 0 h 406364"/>
              <a:gd name="connsiteX2" fmla="*/ 1332776 w 1332776"/>
              <a:gd name="connsiteY2" fmla="*/ 406364 h 406364"/>
              <a:gd name="connsiteX3" fmla="*/ 0 w 1332776"/>
              <a:gd name="connsiteY3" fmla="*/ 406364 h 406364"/>
              <a:gd name="connsiteX4" fmla="*/ 0 w 1332776"/>
              <a:gd name="connsiteY4" fmla="*/ 0 h 406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32776" h="406364">
                <a:moveTo>
                  <a:pt x="0" y="0"/>
                </a:moveTo>
                <a:lnTo>
                  <a:pt x="1332776" y="0"/>
                </a:lnTo>
                <a:lnTo>
                  <a:pt x="1332776" y="406364"/>
                </a:lnTo>
                <a:lnTo>
                  <a:pt x="0" y="40636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/>
          </a:p>
        </p:txBody>
      </p:sp>
      <p:sp>
        <p:nvSpPr>
          <p:cNvPr id="17" name="Freeform: Shape 16">
            <a:extLst>
              <a:ext uri="{FF2B5EF4-FFF2-40B4-BE49-F238E27FC236}">
                <a16:creationId xmlns:a16="http://schemas.microsoft.com/office/drawing/2014/main" id="{C10C75BB-3519-431A-ABB0-40359A6F261E}"/>
              </a:ext>
            </a:extLst>
          </p:cNvPr>
          <p:cNvSpPr/>
          <p:nvPr/>
        </p:nvSpPr>
        <p:spPr bwMode="ltGray">
          <a:xfrm>
            <a:off x="774277" y="2755444"/>
            <a:ext cx="1332776" cy="1129634"/>
          </a:xfrm>
          <a:custGeom>
            <a:avLst/>
            <a:gdLst>
              <a:gd name="connsiteX0" fmla="*/ 0 w 1332776"/>
              <a:gd name="connsiteY0" fmla="*/ 0 h 1530922"/>
              <a:gd name="connsiteX1" fmla="*/ 1332776 w 1332776"/>
              <a:gd name="connsiteY1" fmla="*/ 0 h 1530922"/>
              <a:gd name="connsiteX2" fmla="*/ 1332776 w 1332776"/>
              <a:gd name="connsiteY2" fmla="*/ 1530922 h 1530922"/>
              <a:gd name="connsiteX3" fmla="*/ 0 w 1332776"/>
              <a:gd name="connsiteY3" fmla="*/ 1530922 h 1530922"/>
              <a:gd name="connsiteX4" fmla="*/ 0 w 1332776"/>
              <a:gd name="connsiteY4" fmla="*/ 0 h 15309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32776" h="1530922">
                <a:moveTo>
                  <a:pt x="0" y="0"/>
                </a:moveTo>
                <a:lnTo>
                  <a:pt x="1332776" y="0"/>
                </a:lnTo>
                <a:lnTo>
                  <a:pt x="1332776" y="1530922"/>
                </a:lnTo>
                <a:lnTo>
                  <a:pt x="0" y="1530922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dirty="0"/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63990C48-6D49-40A5-9677-0DC1801267E4}"/>
              </a:ext>
            </a:extLst>
          </p:cNvPr>
          <p:cNvSpPr/>
          <p:nvPr/>
        </p:nvSpPr>
        <p:spPr bwMode="ltGray">
          <a:xfrm>
            <a:off x="380999" y="1758902"/>
            <a:ext cx="5208229" cy="1863829"/>
          </a:xfrm>
          <a:prstGeom prst="rect">
            <a:avLst/>
          </a:prstGeom>
          <a:noFill/>
          <a:ln w="190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1884363">
              <a:lnSpc>
                <a:spcPct val="90000"/>
              </a:lnSpc>
              <a:spcBef>
                <a:spcPts val="1200"/>
              </a:spcBef>
            </a:pPr>
            <a:r>
              <a:rPr lang="en-US" sz="3200" b="1" dirty="0">
                <a:solidFill>
                  <a:schemeClr val="accent1">
                    <a:lumMod val="75000"/>
                  </a:schemeClr>
                </a:solidFill>
              </a:rPr>
              <a:t>Political</a:t>
            </a:r>
            <a:endParaRPr lang="en-US" sz="2400" b="1" dirty="0">
              <a:solidFill>
                <a:schemeClr val="accent1">
                  <a:lumMod val="75000"/>
                </a:schemeClr>
              </a:solidFill>
            </a:endParaRPr>
          </a:p>
        </p:txBody>
      </p:sp>
      <p:sp>
        <p:nvSpPr>
          <p:cNvPr id="66" name="Rectangle 21">
            <a:extLst>
              <a:ext uri="{FF2B5EF4-FFF2-40B4-BE49-F238E27FC236}">
                <a16:creationId xmlns:a16="http://schemas.microsoft.com/office/drawing/2014/main" id="{84C0A543-B26E-4B82-B6D5-0B32E54A2A6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 flipH="1" flipV="1">
            <a:off x="6130857" y="3622731"/>
            <a:ext cx="179392" cy="262348"/>
          </a:xfrm>
          <a:custGeom>
            <a:avLst/>
            <a:gdLst>
              <a:gd name="connsiteX0" fmla="*/ 0 w 576064"/>
              <a:gd name="connsiteY0" fmla="*/ 0 h 243594"/>
              <a:gd name="connsiteX1" fmla="*/ 576064 w 576064"/>
              <a:gd name="connsiteY1" fmla="*/ 0 h 243594"/>
              <a:gd name="connsiteX2" fmla="*/ 576064 w 576064"/>
              <a:gd name="connsiteY2" fmla="*/ 243594 h 243594"/>
              <a:gd name="connsiteX3" fmla="*/ 0 w 576064"/>
              <a:gd name="connsiteY3" fmla="*/ 243594 h 243594"/>
              <a:gd name="connsiteX4" fmla="*/ 0 w 576064"/>
              <a:gd name="connsiteY4" fmla="*/ 0 h 243594"/>
              <a:gd name="connsiteX0" fmla="*/ 0 w 576064"/>
              <a:gd name="connsiteY0" fmla="*/ 0 h 243594"/>
              <a:gd name="connsiteX1" fmla="*/ 576064 w 576064"/>
              <a:gd name="connsiteY1" fmla="*/ 243594 h 243594"/>
              <a:gd name="connsiteX2" fmla="*/ 0 w 576064"/>
              <a:gd name="connsiteY2" fmla="*/ 243594 h 243594"/>
              <a:gd name="connsiteX3" fmla="*/ 0 w 576064"/>
              <a:gd name="connsiteY3" fmla="*/ 0 h 2435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6064" h="243594">
                <a:moveTo>
                  <a:pt x="0" y="0"/>
                </a:moveTo>
                <a:lnTo>
                  <a:pt x="576064" y="243594"/>
                </a:lnTo>
                <a:lnTo>
                  <a:pt x="0" y="24359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IN"/>
          </a:p>
        </p:txBody>
      </p:sp>
      <p:sp>
        <p:nvSpPr>
          <p:cNvPr id="67" name="Rectangle 21">
            <a:extLst>
              <a:ext uri="{FF2B5EF4-FFF2-40B4-BE49-F238E27FC236}">
                <a16:creationId xmlns:a16="http://schemas.microsoft.com/office/drawing/2014/main" id="{43E1BABD-E6C8-479F-8482-6E9A853EF8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 flipH="1">
            <a:off x="6130857" y="1502496"/>
            <a:ext cx="179392" cy="262348"/>
          </a:xfrm>
          <a:custGeom>
            <a:avLst/>
            <a:gdLst>
              <a:gd name="connsiteX0" fmla="*/ 0 w 576064"/>
              <a:gd name="connsiteY0" fmla="*/ 0 h 243594"/>
              <a:gd name="connsiteX1" fmla="*/ 576064 w 576064"/>
              <a:gd name="connsiteY1" fmla="*/ 0 h 243594"/>
              <a:gd name="connsiteX2" fmla="*/ 576064 w 576064"/>
              <a:gd name="connsiteY2" fmla="*/ 243594 h 243594"/>
              <a:gd name="connsiteX3" fmla="*/ 0 w 576064"/>
              <a:gd name="connsiteY3" fmla="*/ 243594 h 243594"/>
              <a:gd name="connsiteX4" fmla="*/ 0 w 576064"/>
              <a:gd name="connsiteY4" fmla="*/ 0 h 243594"/>
              <a:gd name="connsiteX0" fmla="*/ 0 w 576064"/>
              <a:gd name="connsiteY0" fmla="*/ 0 h 243594"/>
              <a:gd name="connsiteX1" fmla="*/ 576064 w 576064"/>
              <a:gd name="connsiteY1" fmla="*/ 243594 h 243594"/>
              <a:gd name="connsiteX2" fmla="*/ 0 w 576064"/>
              <a:gd name="connsiteY2" fmla="*/ 243594 h 243594"/>
              <a:gd name="connsiteX3" fmla="*/ 0 w 576064"/>
              <a:gd name="connsiteY3" fmla="*/ 0 h 2435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6064" h="243594">
                <a:moveTo>
                  <a:pt x="0" y="0"/>
                </a:moveTo>
                <a:lnTo>
                  <a:pt x="576064" y="243594"/>
                </a:lnTo>
                <a:lnTo>
                  <a:pt x="0" y="24359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IN"/>
          </a:p>
        </p:txBody>
      </p:sp>
      <p:sp>
        <p:nvSpPr>
          <p:cNvPr id="68" name="Freeform: Shape 67">
            <a:extLst>
              <a:ext uri="{FF2B5EF4-FFF2-40B4-BE49-F238E27FC236}">
                <a16:creationId xmlns:a16="http://schemas.microsoft.com/office/drawing/2014/main" id="{9F5CA463-D6F3-4B47-B284-1F984F44223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>
            <a:off x="6310249" y="1502495"/>
            <a:ext cx="1332776" cy="1273651"/>
          </a:xfrm>
          <a:custGeom>
            <a:avLst/>
            <a:gdLst>
              <a:gd name="connsiteX0" fmla="*/ 0 w 1332776"/>
              <a:gd name="connsiteY0" fmla="*/ 0 h 406364"/>
              <a:gd name="connsiteX1" fmla="*/ 1332776 w 1332776"/>
              <a:gd name="connsiteY1" fmla="*/ 0 h 406364"/>
              <a:gd name="connsiteX2" fmla="*/ 1332776 w 1332776"/>
              <a:gd name="connsiteY2" fmla="*/ 406364 h 406364"/>
              <a:gd name="connsiteX3" fmla="*/ 0 w 1332776"/>
              <a:gd name="connsiteY3" fmla="*/ 406364 h 406364"/>
              <a:gd name="connsiteX4" fmla="*/ 0 w 1332776"/>
              <a:gd name="connsiteY4" fmla="*/ 0 h 406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32776" h="406364">
                <a:moveTo>
                  <a:pt x="0" y="0"/>
                </a:moveTo>
                <a:lnTo>
                  <a:pt x="1332776" y="0"/>
                </a:lnTo>
                <a:lnTo>
                  <a:pt x="1332776" y="406364"/>
                </a:lnTo>
                <a:lnTo>
                  <a:pt x="0" y="40636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/>
          </a:p>
        </p:txBody>
      </p:sp>
      <p:sp>
        <p:nvSpPr>
          <p:cNvPr id="69" name="Freeform: Shape 68">
            <a:extLst>
              <a:ext uri="{FF2B5EF4-FFF2-40B4-BE49-F238E27FC236}">
                <a16:creationId xmlns:a16="http://schemas.microsoft.com/office/drawing/2014/main" id="{94A366B2-B2C8-47BD-A129-38EEBF5FACE4}"/>
              </a:ext>
            </a:extLst>
          </p:cNvPr>
          <p:cNvSpPr/>
          <p:nvPr/>
        </p:nvSpPr>
        <p:spPr bwMode="ltGray">
          <a:xfrm>
            <a:off x="6310249" y="2755444"/>
            <a:ext cx="1332776" cy="1129634"/>
          </a:xfrm>
          <a:custGeom>
            <a:avLst/>
            <a:gdLst>
              <a:gd name="connsiteX0" fmla="*/ 0 w 1332776"/>
              <a:gd name="connsiteY0" fmla="*/ 0 h 1530922"/>
              <a:gd name="connsiteX1" fmla="*/ 1332776 w 1332776"/>
              <a:gd name="connsiteY1" fmla="*/ 0 h 1530922"/>
              <a:gd name="connsiteX2" fmla="*/ 1332776 w 1332776"/>
              <a:gd name="connsiteY2" fmla="*/ 1530922 h 1530922"/>
              <a:gd name="connsiteX3" fmla="*/ 0 w 1332776"/>
              <a:gd name="connsiteY3" fmla="*/ 1530922 h 1530922"/>
              <a:gd name="connsiteX4" fmla="*/ 0 w 1332776"/>
              <a:gd name="connsiteY4" fmla="*/ 0 h 15309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32776" h="1530922">
                <a:moveTo>
                  <a:pt x="0" y="0"/>
                </a:moveTo>
                <a:lnTo>
                  <a:pt x="1332776" y="0"/>
                </a:lnTo>
                <a:lnTo>
                  <a:pt x="1332776" y="1530922"/>
                </a:lnTo>
                <a:lnTo>
                  <a:pt x="0" y="1530922"/>
                </a:lnTo>
                <a:lnTo>
                  <a:pt x="0" y="0"/>
                </a:lnTo>
                <a:close/>
              </a:path>
            </a:pathLst>
          </a:cu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dirty="0"/>
          </a:p>
        </p:txBody>
      </p:sp>
      <p:sp>
        <p:nvSpPr>
          <p:cNvPr id="70" name="Rectangle 69">
            <a:extLst>
              <a:ext uri="{FF2B5EF4-FFF2-40B4-BE49-F238E27FC236}">
                <a16:creationId xmlns:a16="http://schemas.microsoft.com/office/drawing/2014/main" id="{F0CFB34C-5A04-41CD-8A3F-1B8A1931BEE9}"/>
              </a:ext>
            </a:extLst>
          </p:cNvPr>
          <p:cNvSpPr/>
          <p:nvPr/>
        </p:nvSpPr>
        <p:spPr bwMode="ltGray">
          <a:xfrm>
            <a:off x="5916971" y="1758902"/>
            <a:ext cx="5208229" cy="1863829"/>
          </a:xfrm>
          <a:prstGeom prst="rect">
            <a:avLst/>
          </a:prstGeom>
          <a:noFill/>
          <a:ln w="19050">
            <a:solidFill>
              <a:schemeClr val="accent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1884363">
              <a:lnSpc>
                <a:spcPct val="90000"/>
              </a:lnSpc>
              <a:spcBef>
                <a:spcPts val="1200"/>
              </a:spcBef>
            </a:pPr>
            <a:r>
              <a:rPr lang="en-US" sz="3200" b="1" dirty="0">
                <a:solidFill>
                  <a:schemeClr val="accent5"/>
                </a:solidFill>
              </a:rPr>
              <a:t>Economic</a:t>
            </a:r>
            <a:endParaRPr lang="en-US" sz="2400" b="1" dirty="0">
              <a:solidFill>
                <a:schemeClr val="accent5"/>
              </a:solidFill>
            </a:endParaRPr>
          </a:p>
        </p:txBody>
      </p:sp>
      <p:sp>
        <p:nvSpPr>
          <p:cNvPr id="83" name="Rectangle 21">
            <a:extLst>
              <a:ext uri="{FF2B5EF4-FFF2-40B4-BE49-F238E27FC236}">
                <a16:creationId xmlns:a16="http://schemas.microsoft.com/office/drawing/2014/main" id="{CF9A0A70-4216-4ECF-9CAB-B0810078C33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 flipH="1" flipV="1">
            <a:off x="594885" y="6158836"/>
            <a:ext cx="179392" cy="262348"/>
          </a:xfrm>
          <a:custGeom>
            <a:avLst/>
            <a:gdLst>
              <a:gd name="connsiteX0" fmla="*/ 0 w 576064"/>
              <a:gd name="connsiteY0" fmla="*/ 0 h 243594"/>
              <a:gd name="connsiteX1" fmla="*/ 576064 w 576064"/>
              <a:gd name="connsiteY1" fmla="*/ 0 h 243594"/>
              <a:gd name="connsiteX2" fmla="*/ 576064 w 576064"/>
              <a:gd name="connsiteY2" fmla="*/ 243594 h 243594"/>
              <a:gd name="connsiteX3" fmla="*/ 0 w 576064"/>
              <a:gd name="connsiteY3" fmla="*/ 243594 h 243594"/>
              <a:gd name="connsiteX4" fmla="*/ 0 w 576064"/>
              <a:gd name="connsiteY4" fmla="*/ 0 h 243594"/>
              <a:gd name="connsiteX0" fmla="*/ 0 w 576064"/>
              <a:gd name="connsiteY0" fmla="*/ 0 h 243594"/>
              <a:gd name="connsiteX1" fmla="*/ 576064 w 576064"/>
              <a:gd name="connsiteY1" fmla="*/ 243594 h 243594"/>
              <a:gd name="connsiteX2" fmla="*/ 0 w 576064"/>
              <a:gd name="connsiteY2" fmla="*/ 243594 h 243594"/>
              <a:gd name="connsiteX3" fmla="*/ 0 w 576064"/>
              <a:gd name="connsiteY3" fmla="*/ 0 h 2435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6064" h="243594">
                <a:moveTo>
                  <a:pt x="0" y="0"/>
                </a:moveTo>
                <a:lnTo>
                  <a:pt x="576064" y="243594"/>
                </a:lnTo>
                <a:lnTo>
                  <a:pt x="0" y="243594"/>
                </a:lnTo>
                <a:lnTo>
                  <a:pt x="0" y="0"/>
                </a:lnTo>
                <a:close/>
              </a:path>
            </a:pathLst>
          </a:custGeom>
          <a:solidFill>
            <a:schemeClr val="tx2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IN"/>
          </a:p>
        </p:txBody>
      </p:sp>
      <p:sp>
        <p:nvSpPr>
          <p:cNvPr id="84" name="Rectangle 21">
            <a:extLst>
              <a:ext uri="{FF2B5EF4-FFF2-40B4-BE49-F238E27FC236}">
                <a16:creationId xmlns:a16="http://schemas.microsoft.com/office/drawing/2014/main" id="{8BB47232-6B2D-487F-86D1-98A3F6F065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 flipH="1">
            <a:off x="594885" y="4038601"/>
            <a:ext cx="179392" cy="262348"/>
          </a:xfrm>
          <a:custGeom>
            <a:avLst/>
            <a:gdLst>
              <a:gd name="connsiteX0" fmla="*/ 0 w 576064"/>
              <a:gd name="connsiteY0" fmla="*/ 0 h 243594"/>
              <a:gd name="connsiteX1" fmla="*/ 576064 w 576064"/>
              <a:gd name="connsiteY1" fmla="*/ 0 h 243594"/>
              <a:gd name="connsiteX2" fmla="*/ 576064 w 576064"/>
              <a:gd name="connsiteY2" fmla="*/ 243594 h 243594"/>
              <a:gd name="connsiteX3" fmla="*/ 0 w 576064"/>
              <a:gd name="connsiteY3" fmla="*/ 243594 h 243594"/>
              <a:gd name="connsiteX4" fmla="*/ 0 w 576064"/>
              <a:gd name="connsiteY4" fmla="*/ 0 h 243594"/>
              <a:gd name="connsiteX0" fmla="*/ 0 w 576064"/>
              <a:gd name="connsiteY0" fmla="*/ 0 h 243594"/>
              <a:gd name="connsiteX1" fmla="*/ 576064 w 576064"/>
              <a:gd name="connsiteY1" fmla="*/ 243594 h 243594"/>
              <a:gd name="connsiteX2" fmla="*/ 0 w 576064"/>
              <a:gd name="connsiteY2" fmla="*/ 243594 h 243594"/>
              <a:gd name="connsiteX3" fmla="*/ 0 w 576064"/>
              <a:gd name="connsiteY3" fmla="*/ 0 h 2435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6064" h="243594">
                <a:moveTo>
                  <a:pt x="0" y="0"/>
                </a:moveTo>
                <a:lnTo>
                  <a:pt x="576064" y="243594"/>
                </a:lnTo>
                <a:lnTo>
                  <a:pt x="0" y="243594"/>
                </a:lnTo>
                <a:lnTo>
                  <a:pt x="0" y="0"/>
                </a:lnTo>
                <a:close/>
              </a:path>
            </a:pathLst>
          </a:custGeom>
          <a:solidFill>
            <a:schemeClr val="tx2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IN"/>
          </a:p>
        </p:txBody>
      </p:sp>
      <p:sp>
        <p:nvSpPr>
          <p:cNvPr id="87" name="Rectangle 86">
            <a:extLst>
              <a:ext uri="{FF2B5EF4-FFF2-40B4-BE49-F238E27FC236}">
                <a16:creationId xmlns:a16="http://schemas.microsoft.com/office/drawing/2014/main" id="{9586FCC1-592F-486E-8382-6EC7C9AE53C8}"/>
              </a:ext>
            </a:extLst>
          </p:cNvPr>
          <p:cNvSpPr/>
          <p:nvPr/>
        </p:nvSpPr>
        <p:spPr bwMode="ltGray">
          <a:xfrm>
            <a:off x="380999" y="4295007"/>
            <a:ext cx="5208229" cy="1863829"/>
          </a:xfrm>
          <a:prstGeom prst="rect">
            <a:avLst/>
          </a:prstGeom>
          <a:noFill/>
          <a:ln w="19050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1884363">
              <a:lnSpc>
                <a:spcPct val="90000"/>
              </a:lnSpc>
              <a:spcBef>
                <a:spcPts val="1200"/>
              </a:spcBef>
            </a:pPr>
            <a:r>
              <a:rPr lang="en-US" sz="3200" b="1" dirty="0">
                <a:solidFill>
                  <a:schemeClr val="tx2"/>
                </a:solidFill>
              </a:rPr>
              <a:t>Technological</a:t>
            </a:r>
            <a:endParaRPr lang="en-US" sz="2400" b="1" dirty="0">
              <a:solidFill>
                <a:schemeClr val="tx2"/>
              </a:solidFill>
            </a:endParaRPr>
          </a:p>
        </p:txBody>
      </p:sp>
      <p:sp>
        <p:nvSpPr>
          <p:cNvPr id="88" name="Rectangle 21">
            <a:extLst>
              <a:ext uri="{FF2B5EF4-FFF2-40B4-BE49-F238E27FC236}">
                <a16:creationId xmlns:a16="http://schemas.microsoft.com/office/drawing/2014/main" id="{43454F0C-D4EB-4D2C-AE3C-DBD2119B5DA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 flipH="1" flipV="1">
            <a:off x="6130857" y="6158836"/>
            <a:ext cx="179392" cy="262348"/>
          </a:xfrm>
          <a:custGeom>
            <a:avLst/>
            <a:gdLst>
              <a:gd name="connsiteX0" fmla="*/ 0 w 576064"/>
              <a:gd name="connsiteY0" fmla="*/ 0 h 243594"/>
              <a:gd name="connsiteX1" fmla="*/ 576064 w 576064"/>
              <a:gd name="connsiteY1" fmla="*/ 0 h 243594"/>
              <a:gd name="connsiteX2" fmla="*/ 576064 w 576064"/>
              <a:gd name="connsiteY2" fmla="*/ 243594 h 243594"/>
              <a:gd name="connsiteX3" fmla="*/ 0 w 576064"/>
              <a:gd name="connsiteY3" fmla="*/ 243594 h 243594"/>
              <a:gd name="connsiteX4" fmla="*/ 0 w 576064"/>
              <a:gd name="connsiteY4" fmla="*/ 0 h 243594"/>
              <a:gd name="connsiteX0" fmla="*/ 0 w 576064"/>
              <a:gd name="connsiteY0" fmla="*/ 0 h 243594"/>
              <a:gd name="connsiteX1" fmla="*/ 576064 w 576064"/>
              <a:gd name="connsiteY1" fmla="*/ 243594 h 243594"/>
              <a:gd name="connsiteX2" fmla="*/ 0 w 576064"/>
              <a:gd name="connsiteY2" fmla="*/ 243594 h 243594"/>
              <a:gd name="connsiteX3" fmla="*/ 0 w 576064"/>
              <a:gd name="connsiteY3" fmla="*/ 0 h 2435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6064" h="243594">
                <a:moveTo>
                  <a:pt x="0" y="0"/>
                </a:moveTo>
                <a:lnTo>
                  <a:pt x="576064" y="243594"/>
                </a:lnTo>
                <a:lnTo>
                  <a:pt x="0" y="24359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3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IN"/>
          </a:p>
        </p:txBody>
      </p:sp>
      <p:sp>
        <p:nvSpPr>
          <p:cNvPr id="89" name="Rectangle 21">
            <a:extLst>
              <a:ext uri="{FF2B5EF4-FFF2-40B4-BE49-F238E27FC236}">
                <a16:creationId xmlns:a16="http://schemas.microsoft.com/office/drawing/2014/main" id="{1E64E63B-4EC2-4979-AE71-F233471AADF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 flipH="1">
            <a:off x="6130857" y="4038601"/>
            <a:ext cx="179392" cy="262348"/>
          </a:xfrm>
          <a:custGeom>
            <a:avLst/>
            <a:gdLst>
              <a:gd name="connsiteX0" fmla="*/ 0 w 576064"/>
              <a:gd name="connsiteY0" fmla="*/ 0 h 243594"/>
              <a:gd name="connsiteX1" fmla="*/ 576064 w 576064"/>
              <a:gd name="connsiteY1" fmla="*/ 0 h 243594"/>
              <a:gd name="connsiteX2" fmla="*/ 576064 w 576064"/>
              <a:gd name="connsiteY2" fmla="*/ 243594 h 243594"/>
              <a:gd name="connsiteX3" fmla="*/ 0 w 576064"/>
              <a:gd name="connsiteY3" fmla="*/ 243594 h 243594"/>
              <a:gd name="connsiteX4" fmla="*/ 0 w 576064"/>
              <a:gd name="connsiteY4" fmla="*/ 0 h 243594"/>
              <a:gd name="connsiteX0" fmla="*/ 0 w 576064"/>
              <a:gd name="connsiteY0" fmla="*/ 0 h 243594"/>
              <a:gd name="connsiteX1" fmla="*/ 576064 w 576064"/>
              <a:gd name="connsiteY1" fmla="*/ 243594 h 243594"/>
              <a:gd name="connsiteX2" fmla="*/ 0 w 576064"/>
              <a:gd name="connsiteY2" fmla="*/ 243594 h 243594"/>
              <a:gd name="connsiteX3" fmla="*/ 0 w 576064"/>
              <a:gd name="connsiteY3" fmla="*/ 0 h 24359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6064" h="243594">
                <a:moveTo>
                  <a:pt x="0" y="0"/>
                </a:moveTo>
                <a:lnTo>
                  <a:pt x="576064" y="243594"/>
                </a:lnTo>
                <a:lnTo>
                  <a:pt x="0" y="24359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3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IN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4B7BEEAD-9FFE-460B-9214-70561700545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>
            <a:off x="6310249" y="4038600"/>
            <a:ext cx="1332776" cy="1309213"/>
          </a:xfrm>
          <a:custGeom>
            <a:avLst/>
            <a:gdLst>
              <a:gd name="connsiteX0" fmla="*/ 0 w 1332776"/>
              <a:gd name="connsiteY0" fmla="*/ 0 h 406364"/>
              <a:gd name="connsiteX1" fmla="*/ 1332776 w 1332776"/>
              <a:gd name="connsiteY1" fmla="*/ 0 h 406364"/>
              <a:gd name="connsiteX2" fmla="*/ 1332776 w 1332776"/>
              <a:gd name="connsiteY2" fmla="*/ 406364 h 406364"/>
              <a:gd name="connsiteX3" fmla="*/ 0 w 1332776"/>
              <a:gd name="connsiteY3" fmla="*/ 406364 h 406364"/>
              <a:gd name="connsiteX4" fmla="*/ 0 w 1332776"/>
              <a:gd name="connsiteY4" fmla="*/ 0 h 406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32776" h="406364">
                <a:moveTo>
                  <a:pt x="0" y="0"/>
                </a:moveTo>
                <a:lnTo>
                  <a:pt x="1332776" y="0"/>
                </a:lnTo>
                <a:lnTo>
                  <a:pt x="1332776" y="406364"/>
                </a:lnTo>
                <a:lnTo>
                  <a:pt x="0" y="406364"/>
                </a:lnTo>
                <a:lnTo>
                  <a:pt x="0" y="0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141597D2-16F9-4BC6-BE32-74127CCE51CA}"/>
              </a:ext>
            </a:extLst>
          </p:cNvPr>
          <p:cNvSpPr/>
          <p:nvPr/>
        </p:nvSpPr>
        <p:spPr bwMode="ltGray">
          <a:xfrm>
            <a:off x="6310249" y="5291549"/>
            <a:ext cx="1332776" cy="1129634"/>
          </a:xfrm>
          <a:custGeom>
            <a:avLst/>
            <a:gdLst>
              <a:gd name="connsiteX0" fmla="*/ 0 w 1332776"/>
              <a:gd name="connsiteY0" fmla="*/ 0 h 1530922"/>
              <a:gd name="connsiteX1" fmla="*/ 1332776 w 1332776"/>
              <a:gd name="connsiteY1" fmla="*/ 0 h 1530922"/>
              <a:gd name="connsiteX2" fmla="*/ 1332776 w 1332776"/>
              <a:gd name="connsiteY2" fmla="*/ 1530922 h 1530922"/>
              <a:gd name="connsiteX3" fmla="*/ 0 w 1332776"/>
              <a:gd name="connsiteY3" fmla="*/ 1530922 h 1530922"/>
              <a:gd name="connsiteX4" fmla="*/ 0 w 1332776"/>
              <a:gd name="connsiteY4" fmla="*/ 0 h 15309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32776" h="1530922">
                <a:moveTo>
                  <a:pt x="0" y="0"/>
                </a:moveTo>
                <a:lnTo>
                  <a:pt x="1332776" y="0"/>
                </a:lnTo>
                <a:lnTo>
                  <a:pt x="1332776" y="1530922"/>
                </a:lnTo>
                <a:lnTo>
                  <a:pt x="0" y="1530922"/>
                </a:lnTo>
                <a:lnTo>
                  <a:pt x="0" y="0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dirty="0"/>
          </a:p>
        </p:txBody>
      </p:sp>
      <p:sp>
        <p:nvSpPr>
          <p:cNvPr id="92" name="Rectangle 91">
            <a:extLst>
              <a:ext uri="{FF2B5EF4-FFF2-40B4-BE49-F238E27FC236}">
                <a16:creationId xmlns:a16="http://schemas.microsoft.com/office/drawing/2014/main" id="{F0D9111D-4A95-44DC-9951-D4649E1014D0}"/>
              </a:ext>
            </a:extLst>
          </p:cNvPr>
          <p:cNvSpPr/>
          <p:nvPr/>
        </p:nvSpPr>
        <p:spPr bwMode="ltGray">
          <a:xfrm>
            <a:off x="5916971" y="4295007"/>
            <a:ext cx="5208229" cy="1863829"/>
          </a:xfrm>
          <a:prstGeom prst="rect">
            <a:avLst/>
          </a:prstGeom>
          <a:noFill/>
          <a:ln w="19050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1884363">
              <a:lnSpc>
                <a:spcPct val="90000"/>
              </a:lnSpc>
              <a:spcBef>
                <a:spcPts val="1200"/>
              </a:spcBef>
            </a:pPr>
            <a:r>
              <a:rPr lang="en-US" sz="3200" b="1" dirty="0">
                <a:solidFill>
                  <a:schemeClr val="accent3"/>
                </a:solidFill>
              </a:rPr>
              <a:t>Demographic</a:t>
            </a:r>
            <a:endParaRPr lang="en-US" sz="2400" b="1" dirty="0">
              <a:solidFill>
                <a:schemeClr val="accent3"/>
              </a:solidFill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FAA85FF-B161-8381-7FC8-4514B5D1DE97}"/>
              </a:ext>
            </a:extLst>
          </p:cNvPr>
          <p:cNvSpPr txBox="1"/>
          <p:nvPr/>
        </p:nvSpPr>
        <p:spPr>
          <a:xfrm>
            <a:off x="228600" y="979522"/>
            <a:ext cx="7924997" cy="4801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90000"/>
              </a:lnSpc>
            </a:pPr>
            <a:r>
              <a:rPr lang="en-US" sz="2800" b="1" dirty="0">
                <a:solidFill>
                  <a:schemeClr val="accent5"/>
                </a:solidFill>
              </a:rPr>
              <a:t>Disruption is both acute and slow-moving </a:t>
            </a: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82688D03-80EF-F97E-C9FC-3AD9809881C7}"/>
              </a:ext>
            </a:extLst>
          </p:cNvPr>
          <p:cNvGrpSpPr/>
          <p:nvPr/>
        </p:nvGrpSpPr>
        <p:grpSpPr>
          <a:xfrm>
            <a:off x="964690" y="1908631"/>
            <a:ext cx="982003" cy="1262574"/>
            <a:chOff x="1027113" y="976312"/>
            <a:chExt cx="633413" cy="814388"/>
          </a:xfrm>
        </p:grpSpPr>
        <p:sp>
          <p:nvSpPr>
            <p:cNvPr id="22" name="Freeform 32">
              <a:extLst>
                <a:ext uri="{FF2B5EF4-FFF2-40B4-BE49-F238E27FC236}">
                  <a16:creationId xmlns:a16="http://schemas.microsoft.com/office/drawing/2014/main" id="{F0393589-1855-C5FC-ADA3-0B77E0516B8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27113" y="1639887"/>
              <a:ext cx="633413" cy="150813"/>
            </a:xfrm>
            <a:custGeom>
              <a:avLst/>
              <a:gdLst>
                <a:gd name="T0" fmla="*/ 399 w 399"/>
                <a:gd name="T1" fmla="*/ 95 h 95"/>
                <a:gd name="T2" fmla="*/ 0 w 399"/>
                <a:gd name="T3" fmla="*/ 95 h 95"/>
                <a:gd name="T4" fmla="*/ 0 w 399"/>
                <a:gd name="T5" fmla="*/ 57 h 95"/>
                <a:gd name="T6" fmla="*/ 199 w 399"/>
                <a:gd name="T7" fmla="*/ 0 h 95"/>
                <a:gd name="T8" fmla="*/ 399 w 399"/>
                <a:gd name="T9" fmla="*/ 57 h 95"/>
                <a:gd name="T10" fmla="*/ 399 w 399"/>
                <a:gd name="T11" fmla="*/ 9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99" h="95">
                  <a:moveTo>
                    <a:pt x="399" y="95"/>
                  </a:moveTo>
                  <a:lnTo>
                    <a:pt x="0" y="95"/>
                  </a:lnTo>
                  <a:lnTo>
                    <a:pt x="0" y="57"/>
                  </a:lnTo>
                  <a:lnTo>
                    <a:pt x="199" y="0"/>
                  </a:lnTo>
                  <a:lnTo>
                    <a:pt x="399" y="57"/>
                  </a:lnTo>
                  <a:lnTo>
                    <a:pt x="399" y="95"/>
                  </a:lnTo>
                  <a:close/>
                </a:path>
              </a:pathLst>
            </a:cu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23" name="Freeform 33">
              <a:extLst>
                <a:ext uri="{FF2B5EF4-FFF2-40B4-BE49-F238E27FC236}">
                  <a16:creationId xmlns:a16="http://schemas.microsoft.com/office/drawing/2014/main" id="{F3271F7D-499C-8228-A1C8-D93B31023DB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01725" y="1127125"/>
              <a:ext cx="482600" cy="271463"/>
            </a:xfrm>
            <a:custGeom>
              <a:avLst/>
              <a:gdLst>
                <a:gd name="T0" fmla="*/ 0 w 128"/>
                <a:gd name="T1" fmla="*/ 72 h 72"/>
                <a:gd name="T2" fmla="*/ 64 w 128"/>
                <a:gd name="T3" fmla="*/ 0 h 72"/>
                <a:gd name="T4" fmla="*/ 128 w 128"/>
                <a:gd name="T5" fmla="*/ 72 h 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8" h="72">
                  <a:moveTo>
                    <a:pt x="0" y="72"/>
                  </a:moveTo>
                  <a:cubicBezTo>
                    <a:pt x="0" y="32"/>
                    <a:pt x="29" y="0"/>
                    <a:pt x="64" y="0"/>
                  </a:cubicBezTo>
                  <a:cubicBezTo>
                    <a:pt x="99" y="0"/>
                    <a:pt x="128" y="32"/>
                    <a:pt x="128" y="72"/>
                  </a:cubicBezTo>
                </a:path>
              </a:pathLst>
            </a:cu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24" name="Rectangle 34">
              <a:extLst>
                <a:ext uri="{FF2B5EF4-FFF2-40B4-BE49-F238E27FC236}">
                  <a16:creationId xmlns:a16="http://schemas.microsoft.com/office/drawing/2014/main" id="{81D76B3E-47EA-F17A-5CF1-D6F11E2FEEC0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057275" y="1398587"/>
              <a:ext cx="573088" cy="60325"/>
            </a:xfrm>
            <a:prstGeom prst="rect">
              <a:avLst/>
            </a:pr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25" name="Line 35">
              <a:extLst>
                <a:ext uri="{FF2B5EF4-FFF2-40B4-BE49-F238E27FC236}">
                  <a16:creationId xmlns:a16="http://schemas.microsoft.com/office/drawing/2014/main" id="{F6510071-C986-259A-6460-A6A67656C04E}"/>
                </a:ext>
              </a:extLst>
            </p:cNvPr>
            <p:cNvSpPr>
              <a:spLocks noChangeShapeType="1"/>
            </p:cNvSpPr>
            <p:nvPr/>
          </p:nvSpPr>
          <p:spPr bwMode="auto">
            <a:xfrm flipV="1">
              <a:off x="1614488" y="1458912"/>
              <a:ext cx="0" cy="260350"/>
            </a:xfrm>
            <a:prstGeom prst="line">
              <a:avLst/>
            </a:pr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26" name="Line 36">
              <a:extLst>
                <a:ext uri="{FF2B5EF4-FFF2-40B4-BE49-F238E27FC236}">
                  <a16:creationId xmlns:a16="http://schemas.microsoft.com/office/drawing/2014/main" id="{42579452-1193-E312-459D-341455D32807}"/>
                </a:ext>
              </a:extLst>
            </p:cNvPr>
            <p:cNvSpPr>
              <a:spLocks noChangeShapeType="1"/>
            </p:cNvSpPr>
            <p:nvPr/>
          </p:nvSpPr>
          <p:spPr bwMode="auto">
            <a:xfrm flipV="1">
              <a:off x="1524000" y="1458912"/>
              <a:ext cx="0" cy="233363"/>
            </a:xfrm>
            <a:prstGeom prst="line">
              <a:avLst/>
            </a:pr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27" name="Line 37">
              <a:extLst>
                <a:ext uri="{FF2B5EF4-FFF2-40B4-BE49-F238E27FC236}">
                  <a16:creationId xmlns:a16="http://schemas.microsoft.com/office/drawing/2014/main" id="{8FD9C330-E158-D39A-3222-6D0E704212B3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433513" y="1458912"/>
              <a:ext cx="0" cy="206375"/>
            </a:xfrm>
            <a:prstGeom prst="line">
              <a:avLst/>
            </a:pr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28" name="Line 38">
              <a:extLst>
                <a:ext uri="{FF2B5EF4-FFF2-40B4-BE49-F238E27FC236}">
                  <a16:creationId xmlns:a16="http://schemas.microsoft.com/office/drawing/2014/main" id="{A154E029-E107-01D0-94FA-8DA29234D964}"/>
                </a:ext>
              </a:extLst>
            </p:cNvPr>
            <p:cNvSpPr>
              <a:spLocks noChangeShapeType="1"/>
            </p:cNvSpPr>
            <p:nvPr/>
          </p:nvSpPr>
          <p:spPr bwMode="auto">
            <a:xfrm flipV="1">
              <a:off x="1343025" y="1458912"/>
              <a:ext cx="0" cy="180975"/>
            </a:xfrm>
            <a:prstGeom prst="line">
              <a:avLst/>
            </a:pr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29" name="Line 39">
              <a:extLst>
                <a:ext uri="{FF2B5EF4-FFF2-40B4-BE49-F238E27FC236}">
                  <a16:creationId xmlns:a16="http://schemas.microsoft.com/office/drawing/2014/main" id="{849F2523-7066-095D-2EE0-B56E54CBC41D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252538" y="1458912"/>
              <a:ext cx="0" cy="206375"/>
            </a:xfrm>
            <a:prstGeom prst="line">
              <a:avLst/>
            </a:pr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30" name="Line 40">
              <a:extLst>
                <a:ext uri="{FF2B5EF4-FFF2-40B4-BE49-F238E27FC236}">
                  <a16:creationId xmlns:a16="http://schemas.microsoft.com/office/drawing/2014/main" id="{15D28F98-7B79-97C4-71AE-BDC6047CE333}"/>
                </a:ext>
              </a:extLst>
            </p:cNvPr>
            <p:cNvSpPr>
              <a:spLocks noChangeShapeType="1"/>
            </p:cNvSpPr>
            <p:nvPr/>
          </p:nvSpPr>
          <p:spPr bwMode="auto">
            <a:xfrm flipV="1">
              <a:off x="1162050" y="1458912"/>
              <a:ext cx="0" cy="233363"/>
            </a:xfrm>
            <a:prstGeom prst="line">
              <a:avLst/>
            </a:pr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31" name="Line 41">
              <a:extLst>
                <a:ext uri="{FF2B5EF4-FFF2-40B4-BE49-F238E27FC236}">
                  <a16:creationId xmlns:a16="http://schemas.microsoft.com/office/drawing/2014/main" id="{2C205015-999D-11FB-8569-0D9295AA9979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071563" y="1458912"/>
              <a:ext cx="0" cy="260350"/>
            </a:xfrm>
            <a:prstGeom prst="line">
              <a:avLst/>
            </a:pr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32" name="Freeform 42">
              <a:extLst>
                <a:ext uri="{FF2B5EF4-FFF2-40B4-BE49-F238E27FC236}">
                  <a16:creationId xmlns:a16="http://schemas.microsoft.com/office/drawing/2014/main" id="{80D997E1-37DD-641C-9977-79B8D21287FE}"/>
                </a:ext>
              </a:extLst>
            </p:cNvPr>
            <p:cNvSpPr>
              <a:spLocks/>
            </p:cNvSpPr>
            <p:nvPr/>
          </p:nvSpPr>
          <p:spPr bwMode="auto">
            <a:xfrm>
              <a:off x="1312863" y="1066800"/>
              <a:ext cx="60325" cy="63500"/>
            </a:xfrm>
            <a:custGeom>
              <a:avLst/>
              <a:gdLst>
                <a:gd name="T0" fmla="*/ 38 w 38"/>
                <a:gd name="T1" fmla="*/ 40 h 40"/>
                <a:gd name="T2" fmla="*/ 38 w 38"/>
                <a:gd name="T3" fmla="*/ 0 h 40"/>
                <a:gd name="T4" fmla="*/ 0 w 38"/>
                <a:gd name="T5" fmla="*/ 0 h 40"/>
                <a:gd name="T6" fmla="*/ 0 w 38"/>
                <a:gd name="T7" fmla="*/ 4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8" h="40">
                  <a:moveTo>
                    <a:pt x="38" y="40"/>
                  </a:moveTo>
                  <a:lnTo>
                    <a:pt x="38" y="0"/>
                  </a:lnTo>
                  <a:lnTo>
                    <a:pt x="0" y="0"/>
                  </a:lnTo>
                  <a:lnTo>
                    <a:pt x="0" y="40"/>
                  </a:lnTo>
                </a:path>
              </a:pathLst>
            </a:cu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33" name="Line 43">
              <a:extLst>
                <a:ext uri="{FF2B5EF4-FFF2-40B4-BE49-F238E27FC236}">
                  <a16:creationId xmlns:a16="http://schemas.microsoft.com/office/drawing/2014/main" id="{0D29EB17-C829-A2E0-E3CF-2EE225792BCB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343025" y="976312"/>
              <a:ext cx="0" cy="90488"/>
            </a:xfrm>
            <a:prstGeom prst="line">
              <a:avLst/>
            </a:pr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34" name="Freeform 44">
              <a:extLst>
                <a:ext uri="{FF2B5EF4-FFF2-40B4-BE49-F238E27FC236}">
                  <a16:creationId xmlns:a16="http://schemas.microsoft.com/office/drawing/2014/main" id="{2BC65F63-CB1D-A4D2-FADB-8BDBEAD1A9C7}"/>
                </a:ext>
              </a:extLst>
            </p:cNvPr>
            <p:cNvSpPr>
              <a:spLocks/>
            </p:cNvSpPr>
            <p:nvPr/>
          </p:nvSpPr>
          <p:spPr bwMode="auto">
            <a:xfrm>
              <a:off x="1252538" y="1700212"/>
              <a:ext cx="180975" cy="44450"/>
            </a:xfrm>
            <a:custGeom>
              <a:avLst/>
              <a:gdLst>
                <a:gd name="T0" fmla="*/ 114 w 114"/>
                <a:gd name="T1" fmla="*/ 28 h 28"/>
                <a:gd name="T2" fmla="*/ 95 w 114"/>
                <a:gd name="T3" fmla="*/ 9 h 28"/>
                <a:gd name="T4" fmla="*/ 76 w 114"/>
                <a:gd name="T5" fmla="*/ 28 h 28"/>
                <a:gd name="T6" fmla="*/ 57 w 114"/>
                <a:gd name="T7" fmla="*/ 0 h 28"/>
                <a:gd name="T8" fmla="*/ 38 w 114"/>
                <a:gd name="T9" fmla="*/ 28 h 28"/>
                <a:gd name="T10" fmla="*/ 19 w 114"/>
                <a:gd name="T11" fmla="*/ 9 h 28"/>
                <a:gd name="T12" fmla="*/ 0 w 114"/>
                <a:gd name="T13" fmla="*/ 28 h 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14" h="28">
                  <a:moveTo>
                    <a:pt x="114" y="28"/>
                  </a:moveTo>
                  <a:lnTo>
                    <a:pt x="95" y="9"/>
                  </a:lnTo>
                  <a:lnTo>
                    <a:pt x="76" y="28"/>
                  </a:lnTo>
                  <a:lnTo>
                    <a:pt x="57" y="0"/>
                  </a:lnTo>
                  <a:lnTo>
                    <a:pt x="38" y="28"/>
                  </a:lnTo>
                  <a:lnTo>
                    <a:pt x="19" y="9"/>
                  </a:lnTo>
                  <a:lnTo>
                    <a:pt x="0" y="28"/>
                  </a:lnTo>
                </a:path>
              </a:pathLst>
            </a:custGeom>
            <a:noFill/>
            <a:ln w="28575" cap="flat">
              <a:solidFill>
                <a:schemeClr val="accent1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76581B77-F7BB-DD81-959B-B2AB49DBBAFC}"/>
              </a:ext>
            </a:extLst>
          </p:cNvPr>
          <p:cNvGrpSpPr>
            <a:grpSpLocks noChangeAspect="1"/>
          </p:cNvGrpSpPr>
          <p:nvPr/>
        </p:nvGrpSpPr>
        <p:grpSpPr>
          <a:xfrm>
            <a:off x="6430944" y="2123407"/>
            <a:ext cx="1111346" cy="1111346"/>
            <a:chOff x="841375" y="841375"/>
            <a:chExt cx="1063626" cy="1063626"/>
          </a:xfrm>
        </p:grpSpPr>
        <p:sp>
          <p:nvSpPr>
            <p:cNvPr id="36" name="Freeform 5">
              <a:extLst>
                <a:ext uri="{FF2B5EF4-FFF2-40B4-BE49-F238E27FC236}">
                  <a16:creationId xmlns:a16="http://schemas.microsoft.com/office/drawing/2014/main" id="{883CC1F7-E90E-D099-1831-FF26D713917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1713" y="1103313"/>
              <a:ext cx="106363" cy="193675"/>
            </a:xfrm>
            <a:custGeom>
              <a:avLst/>
              <a:gdLst>
                <a:gd name="T0" fmla="*/ 0 w 28"/>
                <a:gd name="T1" fmla="*/ 51 h 51"/>
                <a:gd name="T2" fmla="*/ 28 w 28"/>
                <a:gd name="T3" fmla="*/ 0 h 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28" h="51">
                  <a:moveTo>
                    <a:pt x="0" y="51"/>
                  </a:moveTo>
                  <a:cubicBezTo>
                    <a:pt x="4" y="31"/>
                    <a:pt x="14" y="14"/>
                    <a:pt x="28" y="0"/>
                  </a:cubicBezTo>
                </a:path>
              </a:pathLst>
            </a:custGeom>
            <a:noFill/>
            <a:ln w="28575" cap="flat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37" name="Freeform 6">
              <a:extLst>
                <a:ext uri="{FF2B5EF4-FFF2-40B4-BE49-F238E27FC236}">
                  <a16:creationId xmlns:a16="http://schemas.microsoft.com/office/drawing/2014/main" id="{D72ABE59-D461-834A-B04D-D5A97AE6DFCF}"/>
                </a:ext>
              </a:extLst>
            </p:cNvPr>
            <p:cNvSpPr>
              <a:spLocks/>
            </p:cNvSpPr>
            <p:nvPr/>
          </p:nvSpPr>
          <p:spPr bwMode="auto">
            <a:xfrm>
              <a:off x="993775" y="1373188"/>
              <a:ext cx="109538" cy="269875"/>
            </a:xfrm>
            <a:custGeom>
              <a:avLst/>
              <a:gdLst>
                <a:gd name="T0" fmla="*/ 29 w 29"/>
                <a:gd name="T1" fmla="*/ 71 h 71"/>
                <a:gd name="T2" fmla="*/ 0 w 29"/>
                <a:gd name="T3" fmla="*/ 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29" h="71">
                  <a:moveTo>
                    <a:pt x="29" y="71"/>
                  </a:moveTo>
                  <a:cubicBezTo>
                    <a:pt x="11" y="52"/>
                    <a:pt x="0" y="27"/>
                    <a:pt x="0" y="0"/>
                  </a:cubicBezTo>
                </a:path>
              </a:pathLst>
            </a:custGeom>
            <a:noFill/>
            <a:ln w="28575" cap="flat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38" name="Freeform 7">
              <a:extLst>
                <a:ext uri="{FF2B5EF4-FFF2-40B4-BE49-F238E27FC236}">
                  <a16:creationId xmlns:a16="http://schemas.microsoft.com/office/drawing/2014/main" id="{2735A377-C2CA-4F6C-15BE-7FC93C30DCB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5225" y="1689100"/>
              <a:ext cx="207963" cy="63500"/>
            </a:xfrm>
            <a:custGeom>
              <a:avLst/>
              <a:gdLst>
                <a:gd name="T0" fmla="*/ 55 w 55"/>
                <a:gd name="T1" fmla="*/ 17 h 17"/>
                <a:gd name="T2" fmla="*/ 0 w 55"/>
                <a:gd name="T3" fmla="*/ 0 h 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55" h="17">
                  <a:moveTo>
                    <a:pt x="55" y="17"/>
                  </a:moveTo>
                  <a:cubicBezTo>
                    <a:pt x="35" y="17"/>
                    <a:pt x="16" y="11"/>
                    <a:pt x="0" y="0"/>
                  </a:cubicBezTo>
                </a:path>
              </a:pathLst>
            </a:custGeom>
            <a:noFill/>
            <a:ln w="28575" cap="flat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39" name="Freeform 8">
              <a:extLst>
                <a:ext uri="{FF2B5EF4-FFF2-40B4-BE49-F238E27FC236}">
                  <a16:creationId xmlns:a16="http://schemas.microsoft.com/office/drawing/2014/main" id="{C9138041-5395-8C37-8FA3-E2E828FCB204}"/>
                </a:ext>
              </a:extLst>
            </p:cNvPr>
            <p:cNvSpPr>
              <a:spLocks/>
            </p:cNvSpPr>
            <p:nvPr/>
          </p:nvSpPr>
          <p:spPr bwMode="auto">
            <a:xfrm>
              <a:off x="1449388" y="1643063"/>
              <a:ext cx="193675" cy="101600"/>
            </a:xfrm>
            <a:custGeom>
              <a:avLst/>
              <a:gdLst>
                <a:gd name="T0" fmla="*/ 51 w 51"/>
                <a:gd name="T1" fmla="*/ 0 h 27"/>
                <a:gd name="T2" fmla="*/ 0 w 51"/>
                <a:gd name="T3" fmla="*/ 27 h 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51" h="27">
                  <a:moveTo>
                    <a:pt x="51" y="0"/>
                  </a:moveTo>
                  <a:cubicBezTo>
                    <a:pt x="37" y="13"/>
                    <a:pt x="20" y="23"/>
                    <a:pt x="0" y="27"/>
                  </a:cubicBezTo>
                </a:path>
              </a:pathLst>
            </a:custGeom>
            <a:noFill/>
            <a:ln w="28575" cap="flat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0" name="Freeform 9">
              <a:extLst>
                <a:ext uri="{FF2B5EF4-FFF2-40B4-BE49-F238E27FC236}">
                  <a16:creationId xmlns:a16="http://schemas.microsoft.com/office/drawing/2014/main" id="{E1DAC95A-6DED-53A9-913E-4033C233DF1A}"/>
                </a:ext>
              </a:extLst>
            </p:cNvPr>
            <p:cNvSpPr>
              <a:spLocks/>
            </p:cNvSpPr>
            <p:nvPr/>
          </p:nvSpPr>
          <p:spPr bwMode="auto">
            <a:xfrm>
              <a:off x="1689100" y="1449388"/>
              <a:ext cx="57150" cy="133350"/>
            </a:xfrm>
            <a:custGeom>
              <a:avLst/>
              <a:gdLst>
                <a:gd name="T0" fmla="*/ 15 w 15"/>
                <a:gd name="T1" fmla="*/ 0 h 35"/>
                <a:gd name="T2" fmla="*/ 0 w 15"/>
                <a:gd name="T3" fmla="*/ 35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15" h="35">
                  <a:moveTo>
                    <a:pt x="15" y="0"/>
                  </a:moveTo>
                  <a:cubicBezTo>
                    <a:pt x="12" y="13"/>
                    <a:pt x="7" y="24"/>
                    <a:pt x="0" y="35"/>
                  </a:cubicBezTo>
                </a:path>
              </a:pathLst>
            </a:custGeom>
            <a:noFill/>
            <a:ln w="28575" cap="flat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1" name="Freeform 10">
              <a:extLst>
                <a:ext uri="{FF2B5EF4-FFF2-40B4-BE49-F238E27FC236}">
                  <a16:creationId xmlns:a16="http://schemas.microsoft.com/office/drawing/2014/main" id="{215A8927-D55B-97CA-17DF-0A24F68849D9}"/>
                </a:ext>
              </a:extLst>
            </p:cNvPr>
            <p:cNvSpPr>
              <a:spLocks/>
            </p:cNvSpPr>
            <p:nvPr/>
          </p:nvSpPr>
          <p:spPr bwMode="auto">
            <a:xfrm>
              <a:off x="1692275" y="1165225"/>
              <a:ext cx="60325" cy="207963"/>
            </a:xfrm>
            <a:custGeom>
              <a:avLst/>
              <a:gdLst>
                <a:gd name="T0" fmla="*/ 0 w 16"/>
                <a:gd name="T1" fmla="*/ 0 h 55"/>
                <a:gd name="T2" fmla="*/ 16 w 16"/>
                <a:gd name="T3" fmla="*/ 55 h 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16" h="55">
                  <a:moveTo>
                    <a:pt x="0" y="0"/>
                  </a:moveTo>
                  <a:cubicBezTo>
                    <a:pt x="10" y="16"/>
                    <a:pt x="16" y="35"/>
                    <a:pt x="16" y="55"/>
                  </a:cubicBezTo>
                </a:path>
              </a:pathLst>
            </a:custGeom>
            <a:noFill/>
            <a:ln w="28575" cap="flat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2" name="Freeform 11">
              <a:extLst>
                <a:ext uri="{FF2B5EF4-FFF2-40B4-BE49-F238E27FC236}">
                  <a16:creationId xmlns:a16="http://schemas.microsoft.com/office/drawing/2014/main" id="{5DB3884A-D53E-7914-4177-268D8BE5D17D}"/>
                </a:ext>
              </a:extLst>
            </p:cNvPr>
            <p:cNvSpPr>
              <a:spLocks/>
            </p:cNvSpPr>
            <p:nvPr/>
          </p:nvSpPr>
          <p:spPr bwMode="auto">
            <a:xfrm>
              <a:off x="1449388" y="1001713"/>
              <a:ext cx="193675" cy="101600"/>
            </a:xfrm>
            <a:custGeom>
              <a:avLst/>
              <a:gdLst>
                <a:gd name="T0" fmla="*/ 0 w 51"/>
                <a:gd name="T1" fmla="*/ 0 h 27"/>
                <a:gd name="T2" fmla="*/ 51 w 51"/>
                <a:gd name="T3" fmla="*/ 27 h 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51" h="27">
                  <a:moveTo>
                    <a:pt x="0" y="0"/>
                  </a:moveTo>
                  <a:cubicBezTo>
                    <a:pt x="20" y="4"/>
                    <a:pt x="37" y="14"/>
                    <a:pt x="51" y="27"/>
                  </a:cubicBezTo>
                </a:path>
              </a:pathLst>
            </a:custGeom>
            <a:noFill/>
            <a:ln w="28575" cap="flat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3" name="Freeform 12">
              <a:extLst>
                <a:ext uri="{FF2B5EF4-FFF2-40B4-BE49-F238E27FC236}">
                  <a16:creationId xmlns:a16="http://schemas.microsoft.com/office/drawing/2014/main" id="{42244976-0D9C-2B82-E04F-D351650DFFA4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5225" y="993775"/>
              <a:ext cx="207963" cy="65088"/>
            </a:xfrm>
            <a:custGeom>
              <a:avLst/>
              <a:gdLst>
                <a:gd name="T0" fmla="*/ 0 w 55"/>
                <a:gd name="T1" fmla="*/ 17 h 17"/>
                <a:gd name="T2" fmla="*/ 55 w 55"/>
                <a:gd name="T3" fmla="*/ 0 h 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</a:cxnLst>
              <a:rect l="0" t="0" r="r" b="b"/>
              <a:pathLst>
                <a:path w="55" h="17">
                  <a:moveTo>
                    <a:pt x="0" y="17"/>
                  </a:moveTo>
                  <a:cubicBezTo>
                    <a:pt x="16" y="6"/>
                    <a:pt x="35" y="0"/>
                    <a:pt x="55" y="0"/>
                  </a:cubicBezTo>
                </a:path>
              </a:pathLst>
            </a:custGeom>
            <a:noFill/>
            <a:ln w="28575" cap="flat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4" name="Line 13">
              <a:extLst>
                <a:ext uri="{FF2B5EF4-FFF2-40B4-BE49-F238E27FC236}">
                  <a16:creationId xmlns:a16="http://schemas.microsoft.com/office/drawing/2014/main" id="{E46A520A-927A-0910-37EA-0C8B6DC18D5F}"/>
                </a:ext>
              </a:extLst>
            </p:cNvPr>
            <p:cNvSpPr>
              <a:spLocks noChangeShapeType="1"/>
            </p:cNvSpPr>
            <p:nvPr/>
          </p:nvSpPr>
          <p:spPr bwMode="auto">
            <a:xfrm flipV="1">
              <a:off x="1373188" y="1689100"/>
              <a:ext cx="0" cy="215900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5" name="Freeform 14">
              <a:extLst>
                <a:ext uri="{FF2B5EF4-FFF2-40B4-BE49-F238E27FC236}">
                  <a16:creationId xmlns:a16="http://schemas.microsoft.com/office/drawing/2014/main" id="{9BCA8924-9CC8-1918-D6C2-D09C4A887A03}"/>
                </a:ext>
              </a:extLst>
            </p:cNvPr>
            <p:cNvSpPr>
              <a:spLocks/>
            </p:cNvSpPr>
            <p:nvPr/>
          </p:nvSpPr>
          <p:spPr bwMode="auto">
            <a:xfrm>
              <a:off x="1304925" y="1836738"/>
              <a:ext cx="136525" cy="68263"/>
            </a:xfrm>
            <a:custGeom>
              <a:avLst/>
              <a:gdLst>
                <a:gd name="T0" fmla="*/ 0 w 86"/>
                <a:gd name="T1" fmla="*/ 0 h 43"/>
                <a:gd name="T2" fmla="*/ 43 w 86"/>
                <a:gd name="T3" fmla="*/ 43 h 43"/>
                <a:gd name="T4" fmla="*/ 86 w 86"/>
                <a:gd name="T5" fmla="*/ 0 h 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86" h="43">
                  <a:moveTo>
                    <a:pt x="0" y="0"/>
                  </a:moveTo>
                  <a:lnTo>
                    <a:pt x="43" y="43"/>
                  </a:lnTo>
                  <a:lnTo>
                    <a:pt x="86" y="0"/>
                  </a:lnTo>
                </a:path>
              </a:pathLst>
            </a:cu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6" name="Line 15">
              <a:extLst>
                <a:ext uri="{FF2B5EF4-FFF2-40B4-BE49-F238E27FC236}">
                  <a16:creationId xmlns:a16="http://schemas.microsoft.com/office/drawing/2014/main" id="{1FB2D899-687D-7153-6D4C-38E59DA83E07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373188" y="841375"/>
              <a:ext cx="0" cy="217488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7" name="Freeform 16">
              <a:extLst>
                <a:ext uri="{FF2B5EF4-FFF2-40B4-BE49-F238E27FC236}">
                  <a16:creationId xmlns:a16="http://schemas.microsoft.com/office/drawing/2014/main" id="{7552EEDF-1BE4-3BFD-3FF5-02CB9B787359}"/>
                </a:ext>
              </a:extLst>
            </p:cNvPr>
            <p:cNvSpPr>
              <a:spLocks/>
            </p:cNvSpPr>
            <p:nvPr/>
          </p:nvSpPr>
          <p:spPr bwMode="auto">
            <a:xfrm>
              <a:off x="1304925" y="841375"/>
              <a:ext cx="136525" cy="68263"/>
            </a:xfrm>
            <a:custGeom>
              <a:avLst/>
              <a:gdLst>
                <a:gd name="T0" fmla="*/ 86 w 86"/>
                <a:gd name="T1" fmla="*/ 43 h 43"/>
                <a:gd name="T2" fmla="*/ 43 w 86"/>
                <a:gd name="T3" fmla="*/ 0 h 43"/>
                <a:gd name="T4" fmla="*/ 0 w 86"/>
                <a:gd name="T5" fmla="*/ 43 h 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86" h="43">
                  <a:moveTo>
                    <a:pt x="86" y="43"/>
                  </a:moveTo>
                  <a:lnTo>
                    <a:pt x="43" y="0"/>
                  </a:lnTo>
                  <a:lnTo>
                    <a:pt x="0" y="43"/>
                  </a:lnTo>
                </a:path>
              </a:pathLst>
            </a:cu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8" name="Line 17">
              <a:extLst>
                <a:ext uri="{FF2B5EF4-FFF2-40B4-BE49-F238E27FC236}">
                  <a16:creationId xmlns:a16="http://schemas.microsoft.com/office/drawing/2014/main" id="{B3690865-DF47-27E3-FA0B-C6195861B263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841375" y="1373188"/>
              <a:ext cx="217488" cy="0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49" name="Freeform 18">
              <a:extLst>
                <a:ext uri="{FF2B5EF4-FFF2-40B4-BE49-F238E27FC236}">
                  <a16:creationId xmlns:a16="http://schemas.microsoft.com/office/drawing/2014/main" id="{4B86CA58-0BA5-8874-9060-BD094CB09E1A}"/>
                </a:ext>
              </a:extLst>
            </p:cNvPr>
            <p:cNvSpPr>
              <a:spLocks/>
            </p:cNvSpPr>
            <p:nvPr/>
          </p:nvSpPr>
          <p:spPr bwMode="auto">
            <a:xfrm>
              <a:off x="841375" y="1304925"/>
              <a:ext cx="68263" cy="136525"/>
            </a:xfrm>
            <a:custGeom>
              <a:avLst/>
              <a:gdLst>
                <a:gd name="T0" fmla="*/ 43 w 43"/>
                <a:gd name="T1" fmla="*/ 0 h 86"/>
                <a:gd name="T2" fmla="*/ 0 w 43"/>
                <a:gd name="T3" fmla="*/ 43 h 86"/>
                <a:gd name="T4" fmla="*/ 43 w 43"/>
                <a:gd name="T5" fmla="*/ 86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43" h="86">
                  <a:moveTo>
                    <a:pt x="43" y="0"/>
                  </a:moveTo>
                  <a:lnTo>
                    <a:pt x="0" y="43"/>
                  </a:lnTo>
                  <a:lnTo>
                    <a:pt x="43" y="86"/>
                  </a:lnTo>
                </a:path>
              </a:pathLst>
            </a:cu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0" name="Line 19">
              <a:extLst>
                <a:ext uri="{FF2B5EF4-FFF2-40B4-BE49-F238E27FC236}">
                  <a16:creationId xmlns:a16="http://schemas.microsoft.com/office/drawing/2014/main" id="{D55BFF0F-F2E1-E4B9-07D0-8D8E69FC9354}"/>
                </a:ext>
              </a:extLst>
            </p:cNvPr>
            <p:cNvSpPr>
              <a:spLocks noChangeShapeType="1"/>
            </p:cNvSpPr>
            <p:nvPr/>
          </p:nvSpPr>
          <p:spPr bwMode="auto">
            <a:xfrm flipH="1">
              <a:off x="1689100" y="1373188"/>
              <a:ext cx="215900" cy="0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1" name="Freeform 20">
              <a:extLst>
                <a:ext uri="{FF2B5EF4-FFF2-40B4-BE49-F238E27FC236}">
                  <a16:creationId xmlns:a16="http://schemas.microsoft.com/office/drawing/2014/main" id="{0836EB38-7999-28BA-AB79-F84F197BA208}"/>
                </a:ext>
              </a:extLst>
            </p:cNvPr>
            <p:cNvSpPr>
              <a:spLocks/>
            </p:cNvSpPr>
            <p:nvPr/>
          </p:nvSpPr>
          <p:spPr bwMode="auto">
            <a:xfrm>
              <a:off x="1836738" y="1304925"/>
              <a:ext cx="68263" cy="136525"/>
            </a:xfrm>
            <a:custGeom>
              <a:avLst/>
              <a:gdLst>
                <a:gd name="T0" fmla="*/ 0 w 43"/>
                <a:gd name="T1" fmla="*/ 86 h 86"/>
                <a:gd name="T2" fmla="*/ 43 w 43"/>
                <a:gd name="T3" fmla="*/ 43 h 86"/>
                <a:gd name="T4" fmla="*/ 0 w 43"/>
                <a:gd name="T5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43" h="86">
                  <a:moveTo>
                    <a:pt x="0" y="86"/>
                  </a:moveTo>
                  <a:lnTo>
                    <a:pt x="43" y="43"/>
                  </a:lnTo>
                  <a:lnTo>
                    <a:pt x="0" y="0"/>
                  </a:lnTo>
                </a:path>
              </a:pathLst>
            </a:cu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2" name="Line 21">
              <a:extLst>
                <a:ext uri="{FF2B5EF4-FFF2-40B4-BE49-F238E27FC236}">
                  <a16:creationId xmlns:a16="http://schemas.microsoft.com/office/drawing/2014/main" id="{41E2DC1C-F340-4AEA-DBC9-A9A094F511A4}"/>
                </a:ext>
              </a:extLst>
            </p:cNvPr>
            <p:cNvSpPr>
              <a:spLocks noChangeShapeType="1"/>
            </p:cNvSpPr>
            <p:nvPr/>
          </p:nvSpPr>
          <p:spPr bwMode="auto">
            <a:xfrm flipV="1">
              <a:off x="996950" y="1593850"/>
              <a:ext cx="155575" cy="155575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3" name="Freeform 22">
              <a:extLst>
                <a:ext uri="{FF2B5EF4-FFF2-40B4-BE49-F238E27FC236}">
                  <a16:creationId xmlns:a16="http://schemas.microsoft.com/office/drawing/2014/main" id="{ADFA769F-2400-18CB-2419-F6A5BFB53155}"/>
                </a:ext>
              </a:extLst>
            </p:cNvPr>
            <p:cNvSpPr>
              <a:spLocks/>
            </p:cNvSpPr>
            <p:nvPr/>
          </p:nvSpPr>
          <p:spPr bwMode="auto">
            <a:xfrm>
              <a:off x="996950" y="1651000"/>
              <a:ext cx="100013" cy="98425"/>
            </a:xfrm>
            <a:custGeom>
              <a:avLst/>
              <a:gdLst>
                <a:gd name="T0" fmla="*/ 0 w 63"/>
                <a:gd name="T1" fmla="*/ 0 h 62"/>
                <a:gd name="T2" fmla="*/ 0 w 63"/>
                <a:gd name="T3" fmla="*/ 62 h 62"/>
                <a:gd name="T4" fmla="*/ 63 w 63"/>
                <a:gd name="T5" fmla="*/ 62 h 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3" h="62">
                  <a:moveTo>
                    <a:pt x="0" y="0"/>
                  </a:moveTo>
                  <a:lnTo>
                    <a:pt x="0" y="62"/>
                  </a:lnTo>
                  <a:lnTo>
                    <a:pt x="63" y="62"/>
                  </a:lnTo>
                </a:path>
              </a:pathLst>
            </a:cu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4" name="Line 23">
              <a:extLst>
                <a:ext uri="{FF2B5EF4-FFF2-40B4-BE49-F238E27FC236}">
                  <a16:creationId xmlns:a16="http://schemas.microsoft.com/office/drawing/2014/main" id="{1BF50C37-9146-766C-7ECD-2BFC5815D51D}"/>
                </a:ext>
              </a:extLst>
            </p:cNvPr>
            <p:cNvSpPr>
              <a:spLocks noChangeShapeType="1"/>
            </p:cNvSpPr>
            <p:nvPr/>
          </p:nvSpPr>
          <p:spPr bwMode="auto">
            <a:xfrm flipH="1">
              <a:off x="1593850" y="996950"/>
              <a:ext cx="155575" cy="155575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5" name="Freeform 24">
              <a:extLst>
                <a:ext uri="{FF2B5EF4-FFF2-40B4-BE49-F238E27FC236}">
                  <a16:creationId xmlns:a16="http://schemas.microsoft.com/office/drawing/2014/main" id="{00F53995-D094-3B94-440E-FF62A7AE0F87}"/>
                </a:ext>
              </a:extLst>
            </p:cNvPr>
            <p:cNvSpPr>
              <a:spLocks/>
            </p:cNvSpPr>
            <p:nvPr/>
          </p:nvSpPr>
          <p:spPr bwMode="auto">
            <a:xfrm>
              <a:off x="1651000" y="996950"/>
              <a:ext cx="98425" cy="98425"/>
            </a:xfrm>
            <a:custGeom>
              <a:avLst/>
              <a:gdLst>
                <a:gd name="T0" fmla="*/ 62 w 62"/>
                <a:gd name="T1" fmla="*/ 62 h 62"/>
                <a:gd name="T2" fmla="*/ 62 w 62"/>
                <a:gd name="T3" fmla="*/ 0 h 62"/>
                <a:gd name="T4" fmla="*/ 0 w 62"/>
                <a:gd name="T5" fmla="*/ 0 h 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2" h="62">
                  <a:moveTo>
                    <a:pt x="62" y="62"/>
                  </a:moveTo>
                  <a:lnTo>
                    <a:pt x="62" y="0"/>
                  </a:lnTo>
                  <a:lnTo>
                    <a:pt x="0" y="0"/>
                  </a:lnTo>
                </a:path>
              </a:pathLst>
            </a:cu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6" name="Line 25">
              <a:extLst>
                <a:ext uri="{FF2B5EF4-FFF2-40B4-BE49-F238E27FC236}">
                  <a16:creationId xmlns:a16="http://schemas.microsoft.com/office/drawing/2014/main" id="{4281B7DF-E797-135A-ACBB-D74586EB38DF}"/>
                </a:ext>
              </a:extLst>
            </p:cNvPr>
            <p:cNvSpPr>
              <a:spLocks noChangeShapeType="1"/>
            </p:cNvSpPr>
            <p:nvPr/>
          </p:nvSpPr>
          <p:spPr bwMode="auto">
            <a:xfrm flipH="1" flipV="1">
              <a:off x="1593850" y="1593850"/>
              <a:ext cx="155575" cy="155575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7" name="Freeform 26">
              <a:extLst>
                <a:ext uri="{FF2B5EF4-FFF2-40B4-BE49-F238E27FC236}">
                  <a16:creationId xmlns:a16="http://schemas.microsoft.com/office/drawing/2014/main" id="{9F176185-30C6-6305-097D-CDF6C133430B}"/>
                </a:ext>
              </a:extLst>
            </p:cNvPr>
            <p:cNvSpPr>
              <a:spLocks/>
            </p:cNvSpPr>
            <p:nvPr/>
          </p:nvSpPr>
          <p:spPr bwMode="auto">
            <a:xfrm>
              <a:off x="1651000" y="1651000"/>
              <a:ext cx="98425" cy="98425"/>
            </a:xfrm>
            <a:custGeom>
              <a:avLst/>
              <a:gdLst>
                <a:gd name="T0" fmla="*/ 0 w 62"/>
                <a:gd name="T1" fmla="*/ 62 h 62"/>
                <a:gd name="T2" fmla="*/ 62 w 62"/>
                <a:gd name="T3" fmla="*/ 62 h 62"/>
                <a:gd name="T4" fmla="*/ 62 w 62"/>
                <a:gd name="T5" fmla="*/ 0 h 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2" h="62">
                  <a:moveTo>
                    <a:pt x="0" y="62"/>
                  </a:moveTo>
                  <a:lnTo>
                    <a:pt x="62" y="62"/>
                  </a:lnTo>
                  <a:lnTo>
                    <a:pt x="62" y="0"/>
                  </a:lnTo>
                </a:path>
              </a:pathLst>
            </a:cu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8" name="Line 27">
              <a:extLst>
                <a:ext uri="{FF2B5EF4-FFF2-40B4-BE49-F238E27FC236}">
                  <a16:creationId xmlns:a16="http://schemas.microsoft.com/office/drawing/2014/main" id="{64E4A762-5030-6E84-2511-10296CB2D653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996950" y="996950"/>
              <a:ext cx="155575" cy="152400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59" name="Freeform 28">
              <a:extLst>
                <a:ext uri="{FF2B5EF4-FFF2-40B4-BE49-F238E27FC236}">
                  <a16:creationId xmlns:a16="http://schemas.microsoft.com/office/drawing/2014/main" id="{E138EB8F-9429-33DD-C3DB-F1025341BECB}"/>
                </a:ext>
              </a:extLst>
            </p:cNvPr>
            <p:cNvSpPr>
              <a:spLocks/>
            </p:cNvSpPr>
            <p:nvPr/>
          </p:nvSpPr>
          <p:spPr bwMode="auto">
            <a:xfrm>
              <a:off x="996950" y="996950"/>
              <a:ext cx="100013" cy="98425"/>
            </a:xfrm>
            <a:custGeom>
              <a:avLst/>
              <a:gdLst>
                <a:gd name="T0" fmla="*/ 63 w 63"/>
                <a:gd name="T1" fmla="*/ 0 h 62"/>
                <a:gd name="T2" fmla="*/ 0 w 63"/>
                <a:gd name="T3" fmla="*/ 0 h 62"/>
                <a:gd name="T4" fmla="*/ 0 w 63"/>
                <a:gd name="T5" fmla="*/ 62 h 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3" h="62">
                  <a:moveTo>
                    <a:pt x="63" y="0"/>
                  </a:moveTo>
                  <a:lnTo>
                    <a:pt x="0" y="0"/>
                  </a:lnTo>
                  <a:lnTo>
                    <a:pt x="0" y="62"/>
                  </a:lnTo>
                </a:path>
              </a:pathLst>
            </a:cu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60" name="Freeform 29">
              <a:extLst>
                <a:ext uri="{FF2B5EF4-FFF2-40B4-BE49-F238E27FC236}">
                  <a16:creationId xmlns:a16="http://schemas.microsoft.com/office/drawing/2014/main" id="{322B9B6A-09D3-D87B-FB6E-C95F8F6B4AAE}"/>
                </a:ext>
              </a:extLst>
            </p:cNvPr>
            <p:cNvSpPr>
              <a:spLocks/>
            </p:cNvSpPr>
            <p:nvPr/>
          </p:nvSpPr>
          <p:spPr bwMode="auto">
            <a:xfrm>
              <a:off x="1290638" y="1209675"/>
              <a:ext cx="166688" cy="327025"/>
            </a:xfrm>
            <a:custGeom>
              <a:avLst/>
              <a:gdLst>
                <a:gd name="T0" fmla="*/ 0 w 44"/>
                <a:gd name="T1" fmla="*/ 65 h 86"/>
                <a:gd name="T2" fmla="*/ 22 w 44"/>
                <a:gd name="T3" fmla="*/ 86 h 86"/>
                <a:gd name="T4" fmla="*/ 44 w 44"/>
                <a:gd name="T5" fmla="*/ 65 h 86"/>
                <a:gd name="T6" fmla="*/ 22 w 44"/>
                <a:gd name="T7" fmla="*/ 43 h 86"/>
                <a:gd name="T8" fmla="*/ 0 w 44"/>
                <a:gd name="T9" fmla="*/ 21 h 86"/>
                <a:gd name="T10" fmla="*/ 22 w 44"/>
                <a:gd name="T11" fmla="*/ 0 h 86"/>
                <a:gd name="T12" fmla="*/ 44 w 44"/>
                <a:gd name="T13" fmla="*/ 21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4" h="86">
                  <a:moveTo>
                    <a:pt x="0" y="65"/>
                  </a:moveTo>
                  <a:cubicBezTo>
                    <a:pt x="0" y="76"/>
                    <a:pt x="10" y="86"/>
                    <a:pt x="22" y="86"/>
                  </a:cubicBezTo>
                  <a:cubicBezTo>
                    <a:pt x="34" y="86"/>
                    <a:pt x="44" y="76"/>
                    <a:pt x="44" y="65"/>
                  </a:cubicBezTo>
                  <a:cubicBezTo>
                    <a:pt x="44" y="53"/>
                    <a:pt x="32" y="48"/>
                    <a:pt x="22" y="43"/>
                  </a:cubicBezTo>
                  <a:cubicBezTo>
                    <a:pt x="11" y="38"/>
                    <a:pt x="0" y="33"/>
                    <a:pt x="0" y="21"/>
                  </a:cubicBezTo>
                  <a:cubicBezTo>
                    <a:pt x="0" y="10"/>
                    <a:pt x="10" y="0"/>
                    <a:pt x="22" y="0"/>
                  </a:cubicBezTo>
                  <a:cubicBezTo>
                    <a:pt x="34" y="0"/>
                    <a:pt x="44" y="10"/>
                    <a:pt x="44" y="21"/>
                  </a:cubicBezTo>
                </a:path>
              </a:pathLst>
            </a:cu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61" name="Line 30">
              <a:extLst>
                <a:ext uri="{FF2B5EF4-FFF2-40B4-BE49-F238E27FC236}">
                  <a16:creationId xmlns:a16="http://schemas.microsoft.com/office/drawing/2014/main" id="{EEFED5D6-ADD4-AD6E-97DD-FF7BF16CC775}"/>
                </a:ext>
              </a:extLst>
            </p:cNvPr>
            <p:cNvSpPr>
              <a:spLocks noChangeShapeType="1"/>
            </p:cNvSpPr>
            <p:nvPr/>
          </p:nvSpPr>
          <p:spPr bwMode="auto">
            <a:xfrm flipV="1">
              <a:off x="1373188" y="1157288"/>
              <a:ext cx="0" cy="52388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62" name="Line 31">
              <a:extLst>
                <a:ext uri="{FF2B5EF4-FFF2-40B4-BE49-F238E27FC236}">
                  <a16:creationId xmlns:a16="http://schemas.microsoft.com/office/drawing/2014/main" id="{05F0780B-7FBE-E585-3C1B-398D36D63ED8}"/>
                </a:ext>
              </a:extLst>
            </p:cNvPr>
            <p:cNvSpPr>
              <a:spLocks noChangeShapeType="1"/>
            </p:cNvSpPr>
            <p:nvPr/>
          </p:nvSpPr>
          <p:spPr bwMode="auto">
            <a:xfrm flipV="1">
              <a:off x="1373188" y="1536700"/>
              <a:ext cx="0" cy="52388"/>
            </a:xfrm>
            <a:prstGeom prst="line">
              <a:avLst/>
            </a:prstGeom>
            <a:noFill/>
            <a:ln w="28575" cap="rnd">
              <a:solidFill>
                <a:schemeClr val="accent5">
                  <a:lumMod val="20000"/>
                  <a:lumOff val="80000"/>
                </a:schemeClr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</p:grpSp>
      <p:grpSp>
        <p:nvGrpSpPr>
          <p:cNvPr id="99" name="Group 98">
            <a:extLst>
              <a:ext uri="{FF2B5EF4-FFF2-40B4-BE49-F238E27FC236}">
                <a16:creationId xmlns:a16="http://schemas.microsoft.com/office/drawing/2014/main" id="{D5866C6D-7CB0-5F0E-A1D1-F3AA78D8661B}"/>
              </a:ext>
            </a:extLst>
          </p:cNvPr>
          <p:cNvGrpSpPr>
            <a:grpSpLocks noChangeAspect="1"/>
          </p:cNvGrpSpPr>
          <p:nvPr/>
        </p:nvGrpSpPr>
        <p:grpSpPr>
          <a:xfrm>
            <a:off x="6430944" y="4550935"/>
            <a:ext cx="1119639" cy="1129634"/>
            <a:chOff x="1058226" y="1058226"/>
            <a:chExt cx="1016965" cy="1026042"/>
          </a:xfrm>
        </p:grpSpPr>
        <p:grpSp>
          <p:nvGrpSpPr>
            <p:cNvPr id="100" name="Graphic 3">
              <a:extLst>
                <a:ext uri="{FF2B5EF4-FFF2-40B4-BE49-F238E27FC236}">
                  <a16:creationId xmlns:a16="http://schemas.microsoft.com/office/drawing/2014/main" id="{65F4E578-6470-EB50-38F2-E12155E6E7B5}"/>
                </a:ext>
              </a:extLst>
            </p:cNvPr>
            <p:cNvGrpSpPr/>
            <p:nvPr/>
          </p:nvGrpSpPr>
          <p:grpSpPr>
            <a:xfrm>
              <a:off x="1058226" y="1058226"/>
              <a:ext cx="1016965" cy="1026042"/>
              <a:chOff x="1058226" y="1058226"/>
              <a:chExt cx="1016965" cy="1026042"/>
            </a:xfrm>
            <a:noFill/>
          </p:grpSpPr>
          <p:grpSp>
            <p:nvGrpSpPr>
              <p:cNvPr id="107" name="Graphic 3">
                <a:extLst>
                  <a:ext uri="{FF2B5EF4-FFF2-40B4-BE49-F238E27FC236}">
                    <a16:creationId xmlns:a16="http://schemas.microsoft.com/office/drawing/2014/main" id="{BBDAB17A-A6E9-26F0-4E0B-ED65029014C3}"/>
                  </a:ext>
                </a:extLst>
              </p:cNvPr>
              <p:cNvGrpSpPr/>
              <p:nvPr/>
            </p:nvGrpSpPr>
            <p:grpSpPr>
              <a:xfrm>
                <a:off x="1058226" y="1058226"/>
                <a:ext cx="1016965" cy="1026042"/>
                <a:chOff x="1058226" y="1058226"/>
                <a:chExt cx="1016965" cy="1026042"/>
              </a:xfrm>
              <a:noFill/>
            </p:grpSpPr>
            <p:grpSp>
              <p:nvGrpSpPr>
                <p:cNvPr id="110" name="Graphic 3">
                  <a:extLst>
                    <a:ext uri="{FF2B5EF4-FFF2-40B4-BE49-F238E27FC236}">
                      <a16:creationId xmlns:a16="http://schemas.microsoft.com/office/drawing/2014/main" id="{302BB4B5-284B-7907-D01C-2520168291B1}"/>
                    </a:ext>
                  </a:extLst>
                </p:cNvPr>
                <p:cNvGrpSpPr/>
                <p:nvPr/>
              </p:nvGrpSpPr>
              <p:grpSpPr>
                <a:xfrm>
                  <a:off x="1456142" y="1058226"/>
                  <a:ext cx="221284" cy="224265"/>
                  <a:chOff x="1456142" y="1058226"/>
                  <a:chExt cx="221284" cy="224265"/>
                </a:xfrm>
                <a:noFill/>
              </p:grpSpPr>
              <p:sp>
                <p:nvSpPr>
                  <p:cNvPr id="120" name="Freeform: Shape 119">
                    <a:extLst>
                      <a:ext uri="{FF2B5EF4-FFF2-40B4-BE49-F238E27FC236}">
                        <a16:creationId xmlns:a16="http://schemas.microsoft.com/office/drawing/2014/main" id="{24E4A87A-964E-F5C7-8623-C5DDE7E93F04}"/>
                      </a:ext>
                    </a:extLst>
                  </p:cNvPr>
                  <p:cNvSpPr/>
                  <p:nvPr/>
                </p:nvSpPr>
                <p:spPr>
                  <a:xfrm>
                    <a:off x="1456142" y="1206358"/>
                    <a:ext cx="221284" cy="76132"/>
                  </a:xfrm>
                  <a:custGeom>
                    <a:avLst/>
                    <a:gdLst>
                      <a:gd name="connsiteX0" fmla="*/ 221285 w 221284"/>
                      <a:gd name="connsiteY0" fmla="*/ 75743 h 76132"/>
                      <a:gd name="connsiteX1" fmla="*/ 221285 w 221284"/>
                      <a:gd name="connsiteY1" fmla="*/ 32766 h 76132"/>
                      <a:gd name="connsiteX2" fmla="*/ 188519 w 221284"/>
                      <a:gd name="connsiteY2" fmla="*/ 0 h 76132"/>
                      <a:gd name="connsiteX3" fmla="*/ 140818 w 221284"/>
                      <a:gd name="connsiteY3" fmla="*/ 0 h 76132"/>
                      <a:gd name="connsiteX4" fmla="*/ 80467 w 221284"/>
                      <a:gd name="connsiteY4" fmla="*/ 0 h 76132"/>
                      <a:gd name="connsiteX5" fmla="*/ 48311 w 221284"/>
                      <a:gd name="connsiteY5" fmla="*/ 0 h 76132"/>
                      <a:gd name="connsiteX6" fmla="*/ 32766 w 221284"/>
                      <a:gd name="connsiteY6" fmla="*/ 0 h 76132"/>
                      <a:gd name="connsiteX7" fmla="*/ 0 w 221284"/>
                      <a:gd name="connsiteY7" fmla="*/ 32766 h 76132"/>
                      <a:gd name="connsiteX8" fmla="*/ 0 w 221284"/>
                      <a:gd name="connsiteY8" fmla="*/ 75743 h 76132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  <a:cxn ang="0">
                        <a:pos x="connsiteX7" y="connsiteY7"/>
                      </a:cxn>
                      <a:cxn ang="0">
                        <a:pos x="connsiteX8" y="connsiteY8"/>
                      </a:cxn>
                    </a:cxnLst>
                    <a:rect l="l" t="t" r="r" b="b"/>
                    <a:pathLst>
                      <a:path w="221284" h="76132">
                        <a:moveTo>
                          <a:pt x="221285" y="75743"/>
                        </a:moveTo>
                        <a:cubicBezTo>
                          <a:pt x="221285" y="80924"/>
                          <a:pt x="221285" y="32766"/>
                          <a:pt x="221285" y="32766"/>
                        </a:cubicBezTo>
                        <a:cubicBezTo>
                          <a:pt x="221285" y="14630"/>
                          <a:pt x="206654" y="0"/>
                          <a:pt x="188519" y="0"/>
                        </a:cubicBezTo>
                        <a:lnTo>
                          <a:pt x="140818" y="0"/>
                        </a:lnTo>
                        <a:cubicBezTo>
                          <a:pt x="140818" y="0"/>
                          <a:pt x="80467" y="0"/>
                          <a:pt x="80467" y="0"/>
                        </a:cubicBezTo>
                        <a:lnTo>
                          <a:pt x="48311" y="0"/>
                        </a:lnTo>
                        <a:cubicBezTo>
                          <a:pt x="48311" y="0"/>
                          <a:pt x="32766" y="0"/>
                          <a:pt x="32766" y="0"/>
                        </a:cubicBezTo>
                        <a:cubicBezTo>
                          <a:pt x="14630" y="0"/>
                          <a:pt x="0" y="14630"/>
                          <a:pt x="0" y="32766"/>
                        </a:cubicBezTo>
                        <a:cubicBezTo>
                          <a:pt x="0" y="32766"/>
                          <a:pt x="0" y="80924"/>
                          <a:pt x="0" y="75743"/>
                        </a:cubicBezTo>
                      </a:path>
                    </a:pathLst>
                  </a:custGeom>
                  <a:noFill/>
                  <a:ln w="28575" cap="rnd">
                    <a:solidFill>
                      <a:schemeClr val="accent3">
                        <a:lumMod val="20000"/>
                        <a:lumOff val="80000"/>
                      </a:schemeClr>
                    </a:solidFill>
                    <a:prstDash val="solid"/>
                    <a:round/>
                  </a:ln>
                </p:spPr>
                <p:txBody>
                  <a:bodyPr rtlCol="0" anchor="ctr"/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800" b="0" i="0" u="none" strike="noStrike" kern="0" cap="none" spc="0" normalizeH="0" baseline="0" noProof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Arial"/>
                    </a:endParaRPr>
                  </a:p>
                </p:txBody>
              </p:sp>
              <p:sp>
                <p:nvSpPr>
                  <p:cNvPr id="121" name="Freeform: Shape 120">
                    <a:extLst>
                      <a:ext uri="{FF2B5EF4-FFF2-40B4-BE49-F238E27FC236}">
                        <a16:creationId xmlns:a16="http://schemas.microsoft.com/office/drawing/2014/main" id="{C787901F-F231-E129-1338-FEDC6B98E4B1}"/>
                      </a:ext>
                    </a:extLst>
                  </p:cNvPr>
                  <p:cNvSpPr/>
                  <p:nvPr/>
                </p:nvSpPr>
                <p:spPr>
                  <a:xfrm>
                    <a:off x="1519236" y="1058226"/>
                    <a:ext cx="94792" cy="94792"/>
                  </a:xfrm>
                  <a:custGeom>
                    <a:avLst/>
                    <a:gdLst>
                      <a:gd name="connsiteX0" fmla="*/ 0 w 94792"/>
                      <a:gd name="connsiteY0" fmla="*/ 47396 h 94792"/>
                      <a:gd name="connsiteX1" fmla="*/ 47396 w 94792"/>
                      <a:gd name="connsiteY1" fmla="*/ 94793 h 94792"/>
                      <a:gd name="connsiteX2" fmla="*/ 94793 w 94792"/>
                      <a:gd name="connsiteY2" fmla="*/ 47396 h 94792"/>
                      <a:gd name="connsiteX3" fmla="*/ 47396 w 94792"/>
                      <a:gd name="connsiteY3" fmla="*/ 0 h 94792"/>
                      <a:gd name="connsiteX4" fmla="*/ 0 w 94792"/>
                      <a:gd name="connsiteY4" fmla="*/ 47396 h 94792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94792" h="94792">
                        <a:moveTo>
                          <a:pt x="0" y="47396"/>
                        </a:moveTo>
                        <a:cubicBezTo>
                          <a:pt x="0" y="73609"/>
                          <a:pt x="21184" y="94793"/>
                          <a:pt x="47396" y="94793"/>
                        </a:cubicBezTo>
                        <a:cubicBezTo>
                          <a:pt x="73609" y="94793"/>
                          <a:pt x="94793" y="73609"/>
                          <a:pt x="94793" y="47396"/>
                        </a:cubicBezTo>
                        <a:cubicBezTo>
                          <a:pt x="94793" y="21184"/>
                          <a:pt x="73609" y="0"/>
                          <a:pt x="47396" y="0"/>
                        </a:cubicBezTo>
                        <a:cubicBezTo>
                          <a:pt x="21184" y="0"/>
                          <a:pt x="0" y="21184"/>
                          <a:pt x="0" y="47396"/>
                        </a:cubicBezTo>
                        <a:close/>
                      </a:path>
                    </a:pathLst>
                  </a:custGeom>
                  <a:noFill/>
                  <a:ln w="28575" cap="rnd">
                    <a:solidFill>
                      <a:schemeClr val="accent3">
                        <a:lumMod val="20000"/>
                        <a:lumOff val="80000"/>
                      </a:schemeClr>
                    </a:solidFill>
                    <a:prstDash val="solid"/>
                    <a:round/>
                  </a:ln>
                </p:spPr>
                <p:txBody>
                  <a:bodyPr rtlCol="0" anchor="ctr"/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800" b="0" i="0" u="none" strike="noStrike" kern="0" cap="none" spc="0" normalizeH="0" baseline="0" noProof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Arial"/>
                    </a:endParaRPr>
                  </a:p>
                </p:txBody>
              </p:sp>
            </p:grpSp>
            <p:grpSp>
              <p:nvGrpSpPr>
                <p:cNvPr id="111" name="Graphic 3">
                  <a:extLst>
                    <a:ext uri="{FF2B5EF4-FFF2-40B4-BE49-F238E27FC236}">
                      <a16:creationId xmlns:a16="http://schemas.microsoft.com/office/drawing/2014/main" id="{6B3359BA-DBEC-58DB-75EB-EC6A846A4E01}"/>
                    </a:ext>
                  </a:extLst>
                </p:cNvPr>
                <p:cNvGrpSpPr/>
                <p:nvPr/>
              </p:nvGrpSpPr>
              <p:grpSpPr>
                <a:xfrm>
                  <a:off x="1058226" y="1476259"/>
                  <a:ext cx="221284" cy="224265"/>
                  <a:chOff x="1058226" y="1476259"/>
                  <a:chExt cx="221284" cy="224265"/>
                </a:xfrm>
                <a:noFill/>
              </p:grpSpPr>
              <p:sp>
                <p:nvSpPr>
                  <p:cNvPr id="118" name="Freeform: Shape 117">
                    <a:extLst>
                      <a:ext uri="{FF2B5EF4-FFF2-40B4-BE49-F238E27FC236}">
                        <a16:creationId xmlns:a16="http://schemas.microsoft.com/office/drawing/2014/main" id="{CDDDF4A1-4C39-B3B1-0433-F640D180EC64}"/>
                      </a:ext>
                    </a:extLst>
                  </p:cNvPr>
                  <p:cNvSpPr/>
                  <p:nvPr/>
                </p:nvSpPr>
                <p:spPr>
                  <a:xfrm>
                    <a:off x="1058226" y="1624392"/>
                    <a:ext cx="221284" cy="76132"/>
                  </a:xfrm>
                  <a:custGeom>
                    <a:avLst/>
                    <a:gdLst>
                      <a:gd name="connsiteX0" fmla="*/ 221285 w 221284"/>
                      <a:gd name="connsiteY0" fmla="*/ 75743 h 76132"/>
                      <a:gd name="connsiteX1" fmla="*/ 221285 w 221284"/>
                      <a:gd name="connsiteY1" fmla="*/ 32766 h 76132"/>
                      <a:gd name="connsiteX2" fmla="*/ 188519 w 221284"/>
                      <a:gd name="connsiteY2" fmla="*/ 0 h 76132"/>
                      <a:gd name="connsiteX3" fmla="*/ 140818 w 221284"/>
                      <a:gd name="connsiteY3" fmla="*/ 0 h 76132"/>
                      <a:gd name="connsiteX4" fmla="*/ 80467 w 221284"/>
                      <a:gd name="connsiteY4" fmla="*/ 0 h 76132"/>
                      <a:gd name="connsiteX5" fmla="*/ 48311 w 221284"/>
                      <a:gd name="connsiteY5" fmla="*/ 0 h 76132"/>
                      <a:gd name="connsiteX6" fmla="*/ 32766 w 221284"/>
                      <a:gd name="connsiteY6" fmla="*/ 0 h 76132"/>
                      <a:gd name="connsiteX7" fmla="*/ 0 w 221284"/>
                      <a:gd name="connsiteY7" fmla="*/ 32766 h 76132"/>
                      <a:gd name="connsiteX8" fmla="*/ 0 w 221284"/>
                      <a:gd name="connsiteY8" fmla="*/ 75743 h 76132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  <a:cxn ang="0">
                        <a:pos x="connsiteX7" y="connsiteY7"/>
                      </a:cxn>
                      <a:cxn ang="0">
                        <a:pos x="connsiteX8" y="connsiteY8"/>
                      </a:cxn>
                    </a:cxnLst>
                    <a:rect l="l" t="t" r="r" b="b"/>
                    <a:pathLst>
                      <a:path w="221284" h="76132">
                        <a:moveTo>
                          <a:pt x="221285" y="75743"/>
                        </a:moveTo>
                        <a:cubicBezTo>
                          <a:pt x="221285" y="80924"/>
                          <a:pt x="221285" y="32766"/>
                          <a:pt x="221285" y="32766"/>
                        </a:cubicBezTo>
                        <a:cubicBezTo>
                          <a:pt x="221285" y="14630"/>
                          <a:pt x="206654" y="0"/>
                          <a:pt x="188519" y="0"/>
                        </a:cubicBezTo>
                        <a:lnTo>
                          <a:pt x="140818" y="0"/>
                        </a:lnTo>
                        <a:cubicBezTo>
                          <a:pt x="140818" y="0"/>
                          <a:pt x="80467" y="0"/>
                          <a:pt x="80467" y="0"/>
                        </a:cubicBezTo>
                        <a:lnTo>
                          <a:pt x="48311" y="0"/>
                        </a:lnTo>
                        <a:cubicBezTo>
                          <a:pt x="48311" y="0"/>
                          <a:pt x="32766" y="0"/>
                          <a:pt x="32766" y="0"/>
                        </a:cubicBezTo>
                        <a:cubicBezTo>
                          <a:pt x="14630" y="0"/>
                          <a:pt x="0" y="14630"/>
                          <a:pt x="0" y="32766"/>
                        </a:cubicBezTo>
                        <a:cubicBezTo>
                          <a:pt x="0" y="32766"/>
                          <a:pt x="0" y="80924"/>
                          <a:pt x="0" y="75743"/>
                        </a:cubicBezTo>
                      </a:path>
                    </a:pathLst>
                  </a:custGeom>
                  <a:noFill/>
                  <a:ln w="28575" cap="rnd">
                    <a:solidFill>
                      <a:schemeClr val="accent3">
                        <a:lumMod val="20000"/>
                        <a:lumOff val="80000"/>
                      </a:schemeClr>
                    </a:solidFill>
                    <a:prstDash val="solid"/>
                    <a:round/>
                  </a:ln>
                </p:spPr>
                <p:txBody>
                  <a:bodyPr rtlCol="0" anchor="ctr"/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800" b="0" i="0" u="none" strike="noStrike" kern="0" cap="none" spc="0" normalizeH="0" baseline="0" noProof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Arial"/>
                    </a:endParaRPr>
                  </a:p>
                </p:txBody>
              </p:sp>
              <p:sp>
                <p:nvSpPr>
                  <p:cNvPr id="119" name="Freeform: Shape 118">
                    <a:extLst>
                      <a:ext uri="{FF2B5EF4-FFF2-40B4-BE49-F238E27FC236}">
                        <a16:creationId xmlns:a16="http://schemas.microsoft.com/office/drawing/2014/main" id="{AE55BCCE-1EC9-7047-F5E6-3E9521ECE12D}"/>
                      </a:ext>
                    </a:extLst>
                  </p:cNvPr>
                  <p:cNvSpPr/>
                  <p:nvPr/>
                </p:nvSpPr>
                <p:spPr>
                  <a:xfrm>
                    <a:off x="1121472" y="1476259"/>
                    <a:ext cx="94792" cy="94792"/>
                  </a:xfrm>
                  <a:custGeom>
                    <a:avLst/>
                    <a:gdLst>
                      <a:gd name="connsiteX0" fmla="*/ 0 w 94792"/>
                      <a:gd name="connsiteY0" fmla="*/ 47396 h 94792"/>
                      <a:gd name="connsiteX1" fmla="*/ 47396 w 94792"/>
                      <a:gd name="connsiteY1" fmla="*/ 94793 h 94792"/>
                      <a:gd name="connsiteX2" fmla="*/ 94793 w 94792"/>
                      <a:gd name="connsiteY2" fmla="*/ 47396 h 94792"/>
                      <a:gd name="connsiteX3" fmla="*/ 47396 w 94792"/>
                      <a:gd name="connsiteY3" fmla="*/ 0 h 94792"/>
                      <a:gd name="connsiteX4" fmla="*/ 0 w 94792"/>
                      <a:gd name="connsiteY4" fmla="*/ 47396 h 94792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94792" h="94792">
                        <a:moveTo>
                          <a:pt x="0" y="47396"/>
                        </a:moveTo>
                        <a:cubicBezTo>
                          <a:pt x="0" y="73609"/>
                          <a:pt x="21184" y="94793"/>
                          <a:pt x="47396" y="94793"/>
                        </a:cubicBezTo>
                        <a:cubicBezTo>
                          <a:pt x="73609" y="94793"/>
                          <a:pt x="94793" y="73609"/>
                          <a:pt x="94793" y="47396"/>
                        </a:cubicBezTo>
                        <a:cubicBezTo>
                          <a:pt x="94793" y="21184"/>
                          <a:pt x="73609" y="0"/>
                          <a:pt x="47396" y="0"/>
                        </a:cubicBezTo>
                        <a:cubicBezTo>
                          <a:pt x="21184" y="0"/>
                          <a:pt x="0" y="21184"/>
                          <a:pt x="0" y="47396"/>
                        </a:cubicBezTo>
                        <a:close/>
                      </a:path>
                    </a:pathLst>
                  </a:custGeom>
                  <a:noFill/>
                  <a:ln w="28575" cap="rnd">
                    <a:solidFill>
                      <a:schemeClr val="accent3">
                        <a:lumMod val="20000"/>
                        <a:lumOff val="80000"/>
                      </a:schemeClr>
                    </a:solidFill>
                    <a:prstDash val="solid"/>
                    <a:round/>
                  </a:ln>
                </p:spPr>
                <p:txBody>
                  <a:bodyPr rtlCol="0" anchor="ctr"/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800" b="0" i="0" u="none" strike="noStrike" kern="0" cap="none" spc="0" normalizeH="0" baseline="0" noProof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Arial"/>
                    </a:endParaRPr>
                  </a:p>
                </p:txBody>
              </p:sp>
            </p:grpSp>
            <p:grpSp>
              <p:nvGrpSpPr>
                <p:cNvPr id="112" name="Graphic 3">
                  <a:extLst>
                    <a:ext uri="{FF2B5EF4-FFF2-40B4-BE49-F238E27FC236}">
                      <a16:creationId xmlns:a16="http://schemas.microsoft.com/office/drawing/2014/main" id="{46748EE4-0DDF-AB87-9CD1-02DB76D63BF2}"/>
                    </a:ext>
                  </a:extLst>
                </p:cNvPr>
                <p:cNvGrpSpPr/>
                <p:nvPr/>
              </p:nvGrpSpPr>
              <p:grpSpPr>
                <a:xfrm>
                  <a:off x="1853906" y="1476259"/>
                  <a:ext cx="221284" cy="224265"/>
                  <a:chOff x="1853906" y="1476259"/>
                  <a:chExt cx="221284" cy="224265"/>
                </a:xfrm>
                <a:noFill/>
              </p:grpSpPr>
              <p:sp>
                <p:nvSpPr>
                  <p:cNvPr id="116" name="Freeform: Shape 115">
                    <a:extLst>
                      <a:ext uri="{FF2B5EF4-FFF2-40B4-BE49-F238E27FC236}">
                        <a16:creationId xmlns:a16="http://schemas.microsoft.com/office/drawing/2014/main" id="{CC23F248-7023-F80D-F49E-751FCB2E6AD5}"/>
                      </a:ext>
                    </a:extLst>
                  </p:cNvPr>
                  <p:cNvSpPr/>
                  <p:nvPr/>
                </p:nvSpPr>
                <p:spPr>
                  <a:xfrm>
                    <a:off x="1853906" y="1624392"/>
                    <a:ext cx="221284" cy="76132"/>
                  </a:xfrm>
                  <a:custGeom>
                    <a:avLst/>
                    <a:gdLst>
                      <a:gd name="connsiteX0" fmla="*/ 0 w 221284"/>
                      <a:gd name="connsiteY0" fmla="*/ 75743 h 76132"/>
                      <a:gd name="connsiteX1" fmla="*/ 0 w 221284"/>
                      <a:gd name="connsiteY1" fmla="*/ 32766 h 76132"/>
                      <a:gd name="connsiteX2" fmla="*/ 32766 w 221284"/>
                      <a:gd name="connsiteY2" fmla="*/ 0 h 76132"/>
                      <a:gd name="connsiteX3" fmla="*/ 80467 w 221284"/>
                      <a:gd name="connsiteY3" fmla="*/ 0 h 76132"/>
                      <a:gd name="connsiteX4" fmla="*/ 140818 w 221284"/>
                      <a:gd name="connsiteY4" fmla="*/ 0 h 76132"/>
                      <a:gd name="connsiteX5" fmla="*/ 172974 w 221284"/>
                      <a:gd name="connsiteY5" fmla="*/ 0 h 76132"/>
                      <a:gd name="connsiteX6" fmla="*/ 188519 w 221284"/>
                      <a:gd name="connsiteY6" fmla="*/ 0 h 76132"/>
                      <a:gd name="connsiteX7" fmla="*/ 221285 w 221284"/>
                      <a:gd name="connsiteY7" fmla="*/ 32766 h 76132"/>
                      <a:gd name="connsiteX8" fmla="*/ 221285 w 221284"/>
                      <a:gd name="connsiteY8" fmla="*/ 75743 h 76132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  <a:cxn ang="0">
                        <a:pos x="connsiteX7" y="connsiteY7"/>
                      </a:cxn>
                      <a:cxn ang="0">
                        <a:pos x="connsiteX8" y="connsiteY8"/>
                      </a:cxn>
                    </a:cxnLst>
                    <a:rect l="l" t="t" r="r" b="b"/>
                    <a:pathLst>
                      <a:path w="221284" h="76132">
                        <a:moveTo>
                          <a:pt x="0" y="75743"/>
                        </a:moveTo>
                        <a:cubicBezTo>
                          <a:pt x="0" y="80924"/>
                          <a:pt x="0" y="32766"/>
                          <a:pt x="0" y="32766"/>
                        </a:cubicBezTo>
                        <a:cubicBezTo>
                          <a:pt x="0" y="14630"/>
                          <a:pt x="14630" y="0"/>
                          <a:pt x="32766" y="0"/>
                        </a:cubicBezTo>
                        <a:lnTo>
                          <a:pt x="80467" y="0"/>
                        </a:lnTo>
                        <a:cubicBezTo>
                          <a:pt x="80467" y="0"/>
                          <a:pt x="140818" y="0"/>
                          <a:pt x="140818" y="0"/>
                        </a:cubicBezTo>
                        <a:lnTo>
                          <a:pt x="172974" y="0"/>
                        </a:lnTo>
                        <a:cubicBezTo>
                          <a:pt x="172974" y="0"/>
                          <a:pt x="188519" y="0"/>
                          <a:pt x="188519" y="0"/>
                        </a:cubicBezTo>
                        <a:cubicBezTo>
                          <a:pt x="206654" y="0"/>
                          <a:pt x="221285" y="14630"/>
                          <a:pt x="221285" y="32766"/>
                        </a:cubicBezTo>
                        <a:cubicBezTo>
                          <a:pt x="221285" y="32766"/>
                          <a:pt x="221285" y="80924"/>
                          <a:pt x="221285" y="75743"/>
                        </a:cubicBezTo>
                      </a:path>
                    </a:pathLst>
                  </a:custGeom>
                  <a:noFill/>
                  <a:ln w="28575" cap="rnd">
                    <a:solidFill>
                      <a:schemeClr val="accent3">
                        <a:lumMod val="20000"/>
                        <a:lumOff val="80000"/>
                      </a:schemeClr>
                    </a:solidFill>
                    <a:prstDash val="solid"/>
                    <a:round/>
                  </a:ln>
                </p:spPr>
                <p:txBody>
                  <a:bodyPr rtlCol="0" anchor="ctr"/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800" b="0" i="0" u="none" strike="noStrike" kern="0" cap="none" spc="0" normalizeH="0" baseline="0" noProof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Arial"/>
                    </a:endParaRPr>
                  </a:p>
                </p:txBody>
              </p:sp>
              <p:sp>
                <p:nvSpPr>
                  <p:cNvPr id="117" name="Freeform: Shape 116">
                    <a:extLst>
                      <a:ext uri="{FF2B5EF4-FFF2-40B4-BE49-F238E27FC236}">
                        <a16:creationId xmlns:a16="http://schemas.microsoft.com/office/drawing/2014/main" id="{DBE4D13A-08CC-D793-A64A-E57C61885AA6}"/>
                      </a:ext>
                    </a:extLst>
                  </p:cNvPr>
                  <p:cNvSpPr/>
                  <p:nvPr/>
                </p:nvSpPr>
                <p:spPr>
                  <a:xfrm>
                    <a:off x="1917152" y="1476259"/>
                    <a:ext cx="94792" cy="94792"/>
                  </a:xfrm>
                  <a:custGeom>
                    <a:avLst/>
                    <a:gdLst>
                      <a:gd name="connsiteX0" fmla="*/ 94793 w 94792"/>
                      <a:gd name="connsiteY0" fmla="*/ 47396 h 94792"/>
                      <a:gd name="connsiteX1" fmla="*/ 47396 w 94792"/>
                      <a:gd name="connsiteY1" fmla="*/ 94793 h 94792"/>
                      <a:gd name="connsiteX2" fmla="*/ 0 w 94792"/>
                      <a:gd name="connsiteY2" fmla="*/ 47396 h 94792"/>
                      <a:gd name="connsiteX3" fmla="*/ 47396 w 94792"/>
                      <a:gd name="connsiteY3" fmla="*/ 0 h 94792"/>
                      <a:gd name="connsiteX4" fmla="*/ 94793 w 94792"/>
                      <a:gd name="connsiteY4" fmla="*/ 47396 h 94792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94792" h="94792">
                        <a:moveTo>
                          <a:pt x="94793" y="47396"/>
                        </a:moveTo>
                        <a:cubicBezTo>
                          <a:pt x="94793" y="73609"/>
                          <a:pt x="73609" y="94793"/>
                          <a:pt x="47396" y="94793"/>
                        </a:cubicBezTo>
                        <a:cubicBezTo>
                          <a:pt x="21184" y="94793"/>
                          <a:pt x="0" y="73609"/>
                          <a:pt x="0" y="47396"/>
                        </a:cubicBezTo>
                        <a:cubicBezTo>
                          <a:pt x="0" y="21184"/>
                          <a:pt x="21184" y="0"/>
                          <a:pt x="47396" y="0"/>
                        </a:cubicBezTo>
                        <a:cubicBezTo>
                          <a:pt x="73609" y="0"/>
                          <a:pt x="94793" y="21184"/>
                          <a:pt x="94793" y="47396"/>
                        </a:cubicBezTo>
                        <a:close/>
                      </a:path>
                    </a:pathLst>
                  </a:custGeom>
                  <a:noFill/>
                  <a:ln w="28575" cap="rnd">
                    <a:solidFill>
                      <a:schemeClr val="accent3">
                        <a:lumMod val="20000"/>
                        <a:lumOff val="80000"/>
                      </a:schemeClr>
                    </a:solidFill>
                    <a:prstDash val="solid"/>
                    <a:round/>
                  </a:ln>
                </p:spPr>
                <p:txBody>
                  <a:bodyPr rtlCol="0" anchor="ctr"/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800" b="0" i="0" u="none" strike="noStrike" kern="0" cap="none" spc="0" normalizeH="0" baseline="0" noProof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Arial"/>
                    </a:endParaRPr>
                  </a:p>
                </p:txBody>
              </p:sp>
            </p:grpSp>
            <p:grpSp>
              <p:nvGrpSpPr>
                <p:cNvPr id="113" name="Graphic 3">
                  <a:extLst>
                    <a:ext uri="{FF2B5EF4-FFF2-40B4-BE49-F238E27FC236}">
                      <a16:creationId xmlns:a16="http://schemas.microsoft.com/office/drawing/2014/main" id="{31976A32-57A2-5857-171C-8C2D4429375C}"/>
                    </a:ext>
                  </a:extLst>
                </p:cNvPr>
                <p:cNvGrpSpPr/>
                <p:nvPr/>
              </p:nvGrpSpPr>
              <p:grpSpPr>
                <a:xfrm>
                  <a:off x="1456142" y="1860154"/>
                  <a:ext cx="221284" cy="224113"/>
                  <a:chOff x="1456142" y="1860154"/>
                  <a:chExt cx="221284" cy="224113"/>
                </a:xfrm>
                <a:noFill/>
              </p:grpSpPr>
              <p:sp>
                <p:nvSpPr>
                  <p:cNvPr id="114" name="Freeform: Shape 113">
                    <a:extLst>
                      <a:ext uri="{FF2B5EF4-FFF2-40B4-BE49-F238E27FC236}">
                        <a16:creationId xmlns:a16="http://schemas.microsoft.com/office/drawing/2014/main" id="{A0F11DDA-260C-5032-588F-DFECF16FC329}"/>
                      </a:ext>
                    </a:extLst>
                  </p:cNvPr>
                  <p:cNvSpPr/>
                  <p:nvPr/>
                </p:nvSpPr>
                <p:spPr>
                  <a:xfrm>
                    <a:off x="1456142" y="2008135"/>
                    <a:ext cx="221284" cy="76132"/>
                  </a:xfrm>
                  <a:custGeom>
                    <a:avLst/>
                    <a:gdLst>
                      <a:gd name="connsiteX0" fmla="*/ 221285 w 221284"/>
                      <a:gd name="connsiteY0" fmla="*/ 75743 h 76132"/>
                      <a:gd name="connsiteX1" fmla="*/ 221285 w 221284"/>
                      <a:gd name="connsiteY1" fmla="*/ 32766 h 76132"/>
                      <a:gd name="connsiteX2" fmla="*/ 188519 w 221284"/>
                      <a:gd name="connsiteY2" fmla="*/ 0 h 76132"/>
                      <a:gd name="connsiteX3" fmla="*/ 140818 w 221284"/>
                      <a:gd name="connsiteY3" fmla="*/ 0 h 76132"/>
                      <a:gd name="connsiteX4" fmla="*/ 80467 w 221284"/>
                      <a:gd name="connsiteY4" fmla="*/ 0 h 76132"/>
                      <a:gd name="connsiteX5" fmla="*/ 48311 w 221284"/>
                      <a:gd name="connsiteY5" fmla="*/ 0 h 76132"/>
                      <a:gd name="connsiteX6" fmla="*/ 32766 w 221284"/>
                      <a:gd name="connsiteY6" fmla="*/ 0 h 76132"/>
                      <a:gd name="connsiteX7" fmla="*/ 0 w 221284"/>
                      <a:gd name="connsiteY7" fmla="*/ 32766 h 76132"/>
                      <a:gd name="connsiteX8" fmla="*/ 0 w 221284"/>
                      <a:gd name="connsiteY8" fmla="*/ 75743 h 76132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  <a:cxn ang="0">
                        <a:pos x="connsiteX7" y="connsiteY7"/>
                      </a:cxn>
                      <a:cxn ang="0">
                        <a:pos x="connsiteX8" y="connsiteY8"/>
                      </a:cxn>
                    </a:cxnLst>
                    <a:rect l="l" t="t" r="r" b="b"/>
                    <a:pathLst>
                      <a:path w="221284" h="76132">
                        <a:moveTo>
                          <a:pt x="221285" y="75743"/>
                        </a:moveTo>
                        <a:cubicBezTo>
                          <a:pt x="221285" y="80924"/>
                          <a:pt x="221285" y="32766"/>
                          <a:pt x="221285" y="32766"/>
                        </a:cubicBezTo>
                        <a:cubicBezTo>
                          <a:pt x="221285" y="14630"/>
                          <a:pt x="206654" y="0"/>
                          <a:pt x="188519" y="0"/>
                        </a:cubicBezTo>
                        <a:lnTo>
                          <a:pt x="140818" y="0"/>
                        </a:lnTo>
                        <a:cubicBezTo>
                          <a:pt x="140818" y="0"/>
                          <a:pt x="80467" y="0"/>
                          <a:pt x="80467" y="0"/>
                        </a:cubicBezTo>
                        <a:lnTo>
                          <a:pt x="48311" y="0"/>
                        </a:lnTo>
                        <a:cubicBezTo>
                          <a:pt x="48311" y="0"/>
                          <a:pt x="32766" y="0"/>
                          <a:pt x="32766" y="0"/>
                        </a:cubicBezTo>
                        <a:cubicBezTo>
                          <a:pt x="14630" y="0"/>
                          <a:pt x="0" y="14630"/>
                          <a:pt x="0" y="32766"/>
                        </a:cubicBezTo>
                        <a:cubicBezTo>
                          <a:pt x="0" y="32766"/>
                          <a:pt x="0" y="80924"/>
                          <a:pt x="0" y="75743"/>
                        </a:cubicBezTo>
                      </a:path>
                    </a:pathLst>
                  </a:custGeom>
                  <a:noFill/>
                  <a:ln w="28575" cap="rnd">
                    <a:solidFill>
                      <a:schemeClr val="accent3">
                        <a:lumMod val="20000"/>
                        <a:lumOff val="80000"/>
                      </a:schemeClr>
                    </a:solidFill>
                    <a:prstDash val="solid"/>
                    <a:round/>
                  </a:ln>
                </p:spPr>
                <p:txBody>
                  <a:bodyPr rtlCol="0" anchor="ctr"/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800" b="0" i="0" u="none" strike="noStrike" kern="0" cap="none" spc="0" normalizeH="0" baseline="0" noProof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Arial"/>
                    </a:endParaRPr>
                  </a:p>
                </p:txBody>
              </p:sp>
              <p:sp>
                <p:nvSpPr>
                  <p:cNvPr id="115" name="Freeform: Shape 114">
                    <a:extLst>
                      <a:ext uri="{FF2B5EF4-FFF2-40B4-BE49-F238E27FC236}">
                        <a16:creationId xmlns:a16="http://schemas.microsoft.com/office/drawing/2014/main" id="{21380818-4C0C-7138-3575-687F300E1FF3}"/>
                      </a:ext>
                    </a:extLst>
                  </p:cNvPr>
                  <p:cNvSpPr/>
                  <p:nvPr/>
                </p:nvSpPr>
                <p:spPr>
                  <a:xfrm>
                    <a:off x="1519236" y="1860154"/>
                    <a:ext cx="94792" cy="94792"/>
                  </a:xfrm>
                  <a:custGeom>
                    <a:avLst/>
                    <a:gdLst>
                      <a:gd name="connsiteX0" fmla="*/ 0 w 94792"/>
                      <a:gd name="connsiteY0" fmla="*/ 47396 h 94792"/>
                      <a:gd name="connsiteX1" fmla="*/ 47396 w 94792"/>
                      <a:gd name="connsiteY1" fmla="*/ 94793 h 94792"/>
                      <a:gd name="connsiteX2" fmla="*/ 94793 w 94792"/>
                      <a:gd name="connsiteY2" fmla="*/ 47396 h 94792"/>
                      <a:gd name="connsiteX3" fmla="*/ 47396 w 94792"/>
                      <a:gd name="connsiteY3" fmla="*/ 0 h 94792"/>
                      <a:gd name="connsiteX4" fmla="*/ 0 w 94792"/>
                      <a:gd name="connsiteY4" fmla="*/ 47396 h 94792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94792" h="94792">
                        <a:moveTo>
                          <a:pt x="0" y="47396"/>
                        </a:moveTo>
                        <a:cubicBezTo>
                          <a:pt x="0" y="73609"/>
                          <a:pt x="21184" y="94793"/>
                          <a:pt x="47396" y="94793"/>
                        </a:cubicBezTo>
                        <a:cubicBezTo>
                          <a:pt x="73609" y="94793"/>
                          <a:pt x="94793" y="73609"/>
                          <a:pt x="94793" y="47396"/>
                        </a:cubicBezTo>
                        <a:cubicBezTo>
                          <a:pt x="94793" y="21184"/>
                          <a:pt x="73609" y="0"/>
                          <a:pt x="47396" y="0"/>
                        </a:cubicBezTo>
                        <a:cubicBezTo>
                          <a:pt x="21184" y="0"/>
                          <a:pt x="0" y="21184"/>
                          <a:pt x="0" y="47396"/>
                        </a:cubicBezTo>
                        <a:close/>
                      </a:path>
                    </a:pathLst>
                  </a:custGeom>
                  <a:noFill/>
                  <a:ln w="28575" cap="rnd">
                    <a:solidFill>
                      <a:schemeClr val="accent3">
                        <a:lumMod val="20000"/>
                        <a:lumOff val="80000"/>
                      </a:schemeClr>
                    </a:solidFill>
                    <a:prstDash val="solid"/>
                    <a:round/>
                  </a:ln>
                </p:spPr>
                <p:txBody>
                  <a:bodyPr rtlCol="0" anchor="ctr"/>
                  <a:lstStyle/>
                  <a:p>
                    <a:pPr marL="0" marR="0" lvl="0" indent="0" defTabSz="914400" eaLnBrk="1" fontAlgn="auto" latinLnBrk="0" hangingPunct="1">
                      <a:lnSpc>
                        <a:spcPct val="10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800" b="0" i="0" u="none" strike="noStrike" kern="0" cap="none" spc="0" normalizeH="0" baseline="0" noProof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Arial"/>
                    </a:endParaRPr>
                  </a:p>
                </p:txBody>
              </p:sp>
            </p:grpSp>
          </p:grpSp>
          <p:sp>
            <p:nvSpPr>
              <p:cNvPr id="108" name="Freeform: Shape 107">
                <a:extLst>
                  <a:ext uri="{FF2B5EF4-FFF2-40B4-BE49-F238E27FC236}">
                    <a16:creationId xmlns:a16="http://schemas.microsoft.com/office/drawing/2014/main" id="{E8633C31-E04B-C4D3-A2BD-FDB0F9E18CB9}"/>
                  </a:ext>
                </a:extLst>
              </p:cNvPr>
              <p:cNvSpPr/>
              <p:nvPr/>
            </p:nvSpPr>
            <p:spPr>
              <a:xfrm>
                <a:off x="1736558" y="1760637"/>
                <a:ext cx="180136" cy="170230"/>
              </a:xfrm>
              <a:custGeom>
                <a:avLst/>
                <a:gdLst>
                  <a:gd name="connsiteX0" fmla="*/ 0 w 180136"/>
                  <a:gd name="connsiteY0" fmla="*/ 170231 h 170230"/>
                  <a:gd name="connsiteX1" fmla="*/ 180137 w 180136"/>
                  <a:gd name="connsiteY1" fmla="*/ 0 h 1702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80136" h="170230">
                    <a:moveTo>
                      <a:pt x="0" y="170231"/>
                    </a:moveTo>
                    <a:cubicBezTo>
                      <a:pt x="76657" y="133960"/>
                      <a:pt x="139903" y="74219"/>
                      <a:pt x="180137" y="0"/>
                    </a:cubicBezTo>
                  </a:path>
                </a:pathLst>
              </a:custGeom>
              <a:noFill/>
              <a:ln w="28575" cap="rnd">
                <a:solidFill>
                  <a:schemeClr val="accent3">
                    <a:lumMod val="20000"/>
                    <a:lumOff val="80000"/>
                  </a:schemeClr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</a:endParaRPr>
              </a:p>
            </p:txBody>
          </p:sp>
          <p:sp>
            <p:nvSpPr>
              <p:cNvPr id="109" name="Freeform: Shape 108">
                <a:extLst>
                  <a:ext uri="{FF2B5EF4-FFF2-40B4-BE49-F238E27FC236}">
                    <a16:creationId xmlns:a16="http://schemas.microsoft.com/office/drawing/2014/main" id="{E3B2B45A-7302-8F4F-86B4-C8F105A63812}"/>
                  </a:ext>
                </a:extLst>
              </p:cNvPr>
              <p:cNvSpPr/>
              <p:nvPr/>
            </p:nvSpPr>
            <p:spPr>
              <a:xfrm>
                <a:off x="1216721" y="1760637"/>
                <a:ext cx="180136" cy="170230"/>
              </a:xfrm>
              <a:custGeom>
                <a:avLst/>
                <a:gdLst>
                  <a:gd name="connsiteX0" fmla="*/ 0 w 180136"/>
                  <a:gd name="connsiteY0" fmla="*/ 0 h 170230"/>
                  <a:gd name="connsiteX1" fmla="*/ 180137 w 180136"/>
                  <a:gd name="connsiteY1" fmla="*/ 170231 h 1702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80136" h="170230">
                    <a:moveTo>
                      <a:pt x="0" y="0"/>
                    </a:moveTo>
                    <a:cubicBezTo>
                      <a:pt x="40234" y="74219"/>
                      <a:pt x="103480" y="133960"/>
                      <a:pt x="180137" y="170231"/>
                    </a:cubicBezTo>
                  </a:path>
                </a:pathLst>
              </a:custGeom>
              <a:noFill/>
              <a:ln w="28575" cap="rnd">
                <a:solidFill>
                  <a:schemeClr val="accent3">
                    <a:lumMod val="20000"/>
                    <a:lumOff val="80000"/>
                  </a:schemeClr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</a:endParaRPr>
              </a:p>
            </p:txBody>
          </p:sp>
        </p:grp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A78682EC-3B7D-08F4-1B83-643103D3B0AB}"/>
                </a:ext>
              </a:extLst>
            </p:cNvPr>
            <p:cNvSpPr/>
            <p:nvPr/>
          </p:nvSpPr>
          <p:spPr>
            <a:xfrm>
              <a:off x="1770391" y="1229828"/>
              <a:ext cx="157581" cy="174955"/>
            </a:xfrm>
            <a:custGeom>
              <a:avLst/>
              <a:gdLst>
                <a:gd name="connsiteX0" fmla="*/ 157582 w 157581"/>
                <a:gd name="connsiteY0" fmla="*/ 174955 h 174955"/>
                <a:gd name="connsiteX1" fmla="*/ 0 w 157581"/>
                <a:gd name="connsiteY1" fmla="*/ 0 h 174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57581" h="174955">
                  <a:moveTo>
                    <a:pt x="157582" y="174955"/>
                  </a:moveTo>
                  <a:cubicBezTo>
                    <a:pt x="123901" y="101956"/>
                    <a:pt x="68580" y="40996"/>
                    <a:pt x="0" y="0"/>
                  </a:cubicBezTo>
                </a:path>
              </a:pathLst>
            </a:custGeom>
            <a:noFill/>
            <a:ln w="28575" cap="rnd">
              <a:solidFill>
                <a:schemeClr val="accent3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C78F9C79-C58A-627B-2266-52876D505987}"/>
                </a:ext>
              </a:extLst>
            </p:cNvPr>
            <p:cNvSpPr/>
            <p:nvPr/>
          </p:nvSpPr>
          <p:spPr>
            <a:xfrm>
              <a:off x="1205291" y="1229828"/>
              <a:ext cx="157581" cy="174955"/>
            </a:xfrm>
            <a:custGeom>
              <a:avLst/>
              <a:gdLst>
                <a:gd name="connsiteX0" fmla="*/ 157582 w 157581"/>
                <a:gd name="connsiteY0" fmla="*/ 0 h 174955"/>
                <a:gd name="connsiteX1" fmla="*/ 0 w 157581"/>
                <a:gd name="connsiteY1" fmla="*/ 174955 h 174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57581" h="174955">
                  <a:moveTo>
                    <a:pt x="157582" y="0"/>
                  </a:moveTo>
                  <a:cubicBezTo>
                    <a:pt x="89002" y="40996"/>
                    <a:pt x="33833" y="101956"/>
                    <a:pt x="0" y="174955"/>
                  </a:cubicBezTo>
                </a:path>
              </a:pathLst>
            </a:custGeom>
            <a:noFill/>
            <a:ln w="28575" cap="rnd">
              <a:solidFill>
                <a:schemeClr val="accent3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2E3CD6CF-8020-8CA8-6211-C6AB877FB2E1}"/>
                </a:ext>
              </a:extLst>
            </p:cNvPr>
            <p:cNvSpPr/>
            <p:nvPr/>
          </p:nvSpPr>
          <p:spPr>
            <a:xfrm>
              <a:off x="1338184" y="1368055"/>
              <a:ext cx="432359" cy="457352"/>
            </a:xfrm>
            <a:custGeom>
              <a:avLst/>
              <a:gdLst>
                <a:gd name="connsiteX0" fmla="*/ 1067 w 432359"/>
                <a:gd name="connsiteY0" fmla="*/ 0 h 457352"/>
                <a:gd name="connsiteX1" fmla="*/ 432359 w 432359"/>
                <a:gd name="connsiteY1" fmla="*/ 457352 h 4573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432359" h="457352">
                  <a:moveTo>
                    <a:pt x="1067" y="0"/>
                  </a:moveTo>
                  <a:cubicBezTo>
                    <a:pt x="1067" y="0"/>
                    <a:pt x="-42824" y="357530"/>
                    <a:pt x="432359" y="457352"/>
                  </a:cubicBezTo>
                </a:path>
              </a:pathLst>
            </a:custGeom>
            <a:noFill/>
            <a:ln w="28575" cap="rnd">
              <a:solidFill>
                <a:schemeClr val="accent3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94AA1578-B44D-6FF6-9767-3BC3149C1FB8}"/>
                </a:ext>
              </a:extLst>
            </p:cNvPr>
            <p:cNvSpPr/>
            <p:nvPr/>
          </p:nvSpPr>
          <p:spPr>
            <a:xfrm>
              <a:off x="1338184" y="1368055"/>
              <a:ext cx="432359" cy="457352"/>
            </a:xfrm>
            <a:custGeom>
              <a:avLst/>
              <a:gdLst>
                <a:gd name="connsiteX0" fmla="*/ 1067 w 432359"/>
                <a:gd name="connsiteY0" fmla="*/ 0 h 457352"/>
                <a:gd name="connsiteX1" fmla="*/ 432359 w 432359"/>
                <a:gd name="connsiteY1" fmla="*/ 457352 h 4573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432359" h="457352">
                  <a:moveTo>
                    <a:pt x="1067" y="0"/>
                  </a:moveTo>
                  <a:cubicBezTo>
                    <a:pt x="1067" y="0"/>
                    <a:pt x="-42824" y="357530"/>
                    <a:pt x="432359" y="457352"/>
                  </a:cubicBezTo>
                </a:path>
              </a:pathLst>
            </a:custGeom>
            <a:noFill/>
            <a:ln w="28575" cap="rnd">
              <a:solidFill>
                <a:schemeClr val="accent3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DE953F67-2D13-15BE-098F-778598476AE1}"/>
                </a:ext>
              </a:extLst>
            </p:cNvPr>
            <p:cNvSpPr/>
            <p:nvPr/>
          </p:nvSpPr>
          <p:spPr>
            <a:xfrm>
              <a:off x="1363026" y="1368055"/>
              <a:ext cx="432359" cy="457352"/>
            </a:xfrm>
            <a:custGeom>
              <a:avLst/>
              <a:gdLst>
                <a:gd name="connsiteX0" fmla="*/ 431292 w 432359"/>
                <a:gd name="connsiteY0" fmla="*/ 0 h 457352"/>
                <a:gd name="connsiteX1" fmla="*/ 0 w 432359"/>
                <a:gd name="connsiteY1" fmla="*/ 457352 h 4573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432359" h="457352">
                  <a:moveTo>
                    <a:pt x="431292" y="0"/>
                  </a:moveTo>
                  <a:cubicBezTo>
                    <a:pt x="431292" y="0"/>
                    <a:pt x="475183" y="357530"/>
                    <a:pt x="0" y="457352"/>
                  </a:cubicBezTo>
                </a:path>
              </a:pathLst>
            </a:custGeom>
            <a:noFill/>
            <a:ln w="28575" cap="rnd">
              <a:solidFill>
                <a:schemeClr val="accent3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900D8DC8-7B10-6712-541A-1CF86C235D82}"/>
                </a:ext>
              </a:extLst>
            </p:cNvPr>
            <p:cNvSpPr/>
            <p:nvPr/>
          </p:nvSpPr>
          <p:spPr>
            <a:xfrm>
              <a:off x="1277072" y="1409965"/>
              <a:ext cx="573633" cy="85953"/>
            </a:xfrm>
            <a:custGeom>
              <a:avLst/>
              <a:gdLst>
                <a:gd name="connsiteX0" fmla="*/ 0 w 573633"/>
                <a:gd name="connsiteY0" fmla="*/ 85954 h 85953"/>
                <a:gd name="connsiteX1" fmla="*/ 573634 w 573633"/>
                <a:gd name="connsiteY1" fmla="*/ 85954 h 859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573633" h="85953">
                  <a:moveTo>
                    <a:pt x="0" y="85954"/>
                  </a:moveTo>
                  <a:cubicBezTo>
                    <a:pt x="158344" y="-28651"/>
                    <a:pt x="415290" y="-28651"/>
                    <a:pt x="573634" y="85954"/>
                  </a:cubicBezTo>
                </a:path>
              </a:pathLst>
            </a:custGeom>
            <a:noFill/>
            <a:ln w="28575" cap="rnd">
              <a:solidFill>
                <a:schemeClr val="accent3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</p:grpSp>
      <p:sp>
        <p:nvSpPr>
          <p:cNvPr id="85" name="Freeform: Shape 84">
            <a:extLst>
              <a:ext uri="{FF2B5EF4-FFF2-40B4-BE49-F238E27FC236}">
                <a16:creationId xmlns:a16="http://schemas.microsoft.com/office/drawing/2014/main" id="{8C894FB3-F836-4813-9B90-C44B63B4BD4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/>
        </p:nvSpPr>
        <p:spPr bwMode="ltGray">
          <a:xfrm>
            <a:off x="774277" y="4038600"/>
            <a:ext cx="1332776" cy="1252947"/>
          </a:xfrm>
          <a:custGeom>
            <a:avLst/>
            <a:gdLst>
              <a:gd name="connsiteX0" fmla="*/ 0 w 1332776"/>
              <a:gd name="connsiteY0" fmla="*/ 0 h 406364"/>
              <a:gd name="connsiteX1" fmla="*/ 1332776 w 1332776"/>
              <a:gd name="connsiteY1" fmla="*/ 0 h 406364"/>
              <a:gd name="connsiteX2" fmla="*/ 1332776 w 1332776"/>
              <a:gd name="connsiteY2" fmla="*/ 406364 h 406364"/>
              <a:gd name="connsiteX3" fmla="*/ 0 w 1332776"/>
              <a:gd name="connsiteY3" fmla="*/ 406364 h 406364"/>
              <a:gd name="connsiteX4" fmla="*/ 0 w 1332776"/>
              <a:gd name="connsiteY4" fmla="*/ 0 h 406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32776" h="406364">
                <a:moveTo>
                  <a:pt x="0" y="0"/>
                </a:moveTo>
                <a:lnTo>
                  <a:pt x="1332776" y="0"/>
                </a:lnTo>
                <a:lnTo>
                  <a:pt x="1332776" y="406364"/>
                </a:lnTo>
                <a:lnTo>
                  <a:pt x="0" y="406364"/>
                </a:lnTo>
                <a:lnTo>
                  <a:pt x="0" y="0"/>
                </a:lnTo>
                <a:close/>
              </a:path>
            </a:pathLst>
          </a:cu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F600E379-431E-4A5A-913C-19EBEAD769E3}"/>
              </a:ext>
            </a:extLst>
          </p:cNvPr>
          <p:cNvSpPr/>
          <p:nvPr/>
        </p:nvSpPr>
        <p:spPr bwMode="ltGray">
          <a:xfrm>
            <a:off x="774277" y="5291549"/>
            <a:ext cx="1332776" cy="1129634"/>
          </a:xfrm>
          <a:custGeom>
            <a:avLst/>
            <a:gdLst>
              <a:gd name="connsiteX0" fmla="*/ 0 w 1332776"/>
              <a:gd name="connsiteY0" fmla="*/ 0 h 1530922"/>
              <a:gd name="connsiteX1" fmla="*/ 1332776 w 1332776"/>
              <a:gd name="connsiteY1" fmla="*/ 0 h 1530922"/>
              <a:gd name="connsiteX2" fmla="*/ 1332776 w 1332776"/>
              <a:gd name="connsiteY2" fmla="*/ 1530922 h 1530922"/>
              <a:gd name="connsiteX3" fmla="*/ 0 w 1332776"/>
              <a:gd name="connsiteY3" fmla="*/ 1530922 h 1530922"/>
              <a:gd name="connsiteX4" fmla="*/ 0 w 1332776"/>
              <a:gd name="connsiteY4" fmla="*/ 0 h 15309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332776" h="1530922">
                <a:moveTo>
                  <a:pt x="0" y="0"/>
                </a:moveTo>
                <a:lnTo>
                  <a:pt x="1332776" y="0"/>
                </a:lnTo>
                <a:lnTo>
                  <a:pt x="1332776" y="1530922"/>
                </a:lnTo>
                <a:lnTo>
                  <a:pt x="0" y="1530922"/>
                </a:lnTo>
                <a:lnTo>
                  <a:pt x="0" y="0"/>
                </a:lnTo>
                <a:close/>
              </a:path>
            </a:pathLst>
          </a:cu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dirty="0"/>
          </a:p>
        </p:txBody>
      </p:sp>
      <p:grpSp>
        <p:nvGrpSpPr>
          <p:cNvPr id="63" name="Graphic 36">
            <a:extLst>
              <a:ext uri="{FF2B5EF4-FFF2-40B4-BE49-F238E27FC236}">
                <a16:creationId xmlns:a16="http://schemas.microsoft.com/office/drawing/2014/main" id="{CA199E82-746E-75C0-31B8-AEE19B36AD42}"/>
              </a:ext>
            </a:extLst>
          </p:cNvPr>
          <p:cNvGrpSpPr/>
          <p:nvPr/>
        </p:nvGrpSpPr>
        <p:grpSpPr>
          <a:xfrm>
            <a:off x="942289" y="4623320"/>
            <a:ext cx="1024342" cy="1037307"/>
            <a:chOff x="7349" y="76911"/>
            <a:chExt cx="270047" cy="273465"/>
          </a:xfrm>
          <a:noFill/>
        </p:grpSpPr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389858FB-0E2F-54DC-60F2-06CC5635B118}"/>
                </a:ext>
              </a:extLst>
            </p:cNvPr>
            <p:cNvSpPr/>
            <p:nvPr/>
          </p:nvSpPr>
          <p:spPr>
            <a:xfrm>
              <a:off x="7349" y="80330"/>
              <a:ext cx="143483" cy="270047"/>
            </a:xfrm>
            <a:custGeom>
              <a:avLst/>
              <a:gdLst>
                <a:gd name="connsiteX0" fmla="*/ 143484 w 143483"/>
                <a:gd name="connsiteY0" fmla="*/ 201083 h 270047"/>
                <a:gd name="connsiteX1" fmla="*/ 143484 w 143483"/>
                <a:gd name="connsiteY1" fmla="*/ 270047 h 270047"/>
                <a:gd name="connsiteX2" fmla="*/ 113403 w 143483"/>
                <a:gd name="connsiteY2" fmla="*/ 270047 h 270047"/>
                <a:gd name="connsiteX3" fmla="*/ 110583 w 143483"/>
                <a:gd name="connsiteY3" fmla="*/ 230651 h 270047"/>
                <a:gd name="connsiteX4" fmla="*/ 84689 w 143483"/>
                <a:gd name="connsiteY4" fmla="*/ 219969 h 270047"/>
                <a:gd name="connsiteX5" fmla="*/ 54693 w 143483"/>
                <a:gd name="connsiteY5" fmla="*/ 245862 h 270047"/>
                <a:gd name="connsiteX6" fmla="*/ 24270 w 143483"/>
                <a:gd name="connsiteY6" fmla="*/ 215354 h 270047"/>
                <a:gd name="connsiteX7" fmla="*/ 50078 w 143483"/>
                <a:gd name="connsiteY7" fmla="*/ 185444 h 270047"/>
                <a:gd name="connsiteX8" fmla="*/ 39396 w 143483"/>
                <a:gd name="connsiteY8" fmla="*/ 159550 h 270047"/>
                <a:gd name="connsiteX9" fmla="*/ 0 w 143483"/>
                <a:gd name="connsiteY9" fmla="*/ 156644 h 270047"/>
                <a:gd name="connsiteX10" fmla="*/ 0 w 143483"/>
                <a:gd name="connsiteY10" fmla="*/ 113403 h 270047"/>
                <a:gd name="connsiteX11" fmla="*/ 39396 w 143483"/>
                <a:gd name="connsiteY11" fmla="*/ 110583 h 270047"/>
                <a:gd name="connsiteX12" fmla="*/ 50078 w 143483"/>
                <a:gd name="connsiteY12" fmla="*/ 84689 h 270047"/>
                <a:gd name="connsiteX13" fmla="*/ 24270 w 143483"/>
                <a:gd name="connsiteY13" fmla="*/ 54779 h 270047"/>
                <a:gd name="connsiteX14" fmla="*/ 54693 w 143483"/>
                <a:gd name="connsiteY14" fmla="*/ 24270 h 270047"/>
                <a:gd name="connsiteX15" fmla="*/ 84689 w 143483"/>
                <a:gd name="connsiteY15" fmla="*/ 50164 h 270047"/>
                <a:gd name="connsiteX16" fmla="*/ 110583 w 143483"/>
                <a:gd name="connsiteY16" fmla="*/ 39482 h 270047"/>
                <a:gd name="connsiteX17" fmla="*/ 113403 w 143483"/>
                <a:gd name="connsiteY17" fmla="*/ 0 h 270047"/>
                <a:gd name="connsiteX18" fmla="*/ 143484 w 143483"/>
                <a:gd name="connsiteY18" fmla="*/ 0 h 270047"/>
                <a:gd name="connsiteX19" fmla="*/ 143484 w 143483"/>
                <a:gd name="connsiteY19" fmla="*/ 69135 h 2700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43483" h="270047">
                  <a:moveTo>
                    <a:pt x="143484" y="201083"/>
                  </a:moveTo>
                  <a:lnTo>
                    <a:pt x="143484" y="270047"/>
                  </a:lnTo>
                  <a:lnTo>
                    <a:pt x="113403" y="270047"/>
                  </a:lnTo>
                  <a:lnTo>
                    <a:pt x="110583" y="230651"/>
                  </a:lnTo>
                  <a:cubicBezTo>
                    <a:pt x="101268" y="228258"/>
                    <a:pt x="92636" y="224669"/>
                    <a:pt x="84689" y="219969"/>
                  </a:cubicBezTo>
                  <a:lnTo>
                    <a:pt x="54693" y="245862"/>
                  </a:lnTo>
                  <a:lnTo>
                    <a:pt x="24270" y="215354"/>
                  </a:lnTo>
                  <a:lnTo>
                    <a:pt x="50078" y="185444"/>
                  </a:lnTo>
                  <a:cubicBezTo>
                    <a:pt x="45378" y="177411"/>
                    <a:pt x="41703" y="168694"/>
                    <a:pt x="39396" y="159550"/>
                  </a:cubicBezTo>
                  <a:lnTo>
                    <a:pt x="0" y="156644"/>
                  </a:lnTo>
                  <a:lnTo>
                    <a:pt x="0" y="113403"/>
                  </a:lnTo>
                  <a:lnTo>
                    <a:pt x="39396" y="110583"/>
                  </a:lnTo>
                  <a:cubicBezTo>
                    <a:pt x="41789" y="101353"/>
                    <a:pt x="45378" y="92722"/>
                    <a:pt x="50078" y="84689"/>
                  </a:cubicBezTo>
                  <a:lnTo>
                    <a:pt x="24270" y="54779"/>
                  </a:lnTo>
                  <a:lnTo>
                    <a:pt x="54693" y="24270"/>
                  </a:lnTo>
                  <a:lnTo>
                    <a:pt x="84689" y="50164"/>
                  </a:lnTo>
                  <a:cubicBezTo>
                    <a:pt x="92636" y="45464"/>
                    <a:pt x="101353" y="41789"/>
                    <a:pt x="110583" y="39482"/>
                  </a:cubicBezTo>
                  <a:lnTo>
                    <a:pt x="113403" y="0"/>
                  </a:lnTo>
                  <a:lnTo>
                    <a:pt x="143484" y="0"/>
                  </a:lnTo>
                  <a:lnTo>
                    <a:pt x="143484" y="69135"/>
                  </a:lnTo>
                </a:path>
              </a:pathLst>
            </a:custGeom>
            <a:noFill/>
            <a:ln w="28575" cap="rnd">
              <a:solidFill>
                <a:schemeClr val="tx2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F07C88-A112-4300-D748-2A0357F7EF3B}"/>
                </a:ext>
              </a:extLst>
            </p:cNvPr>
            <p:cNvSpPr/>
            <p:nvPr/>
          </p:nvSpPr>
          <p:spPr>
            <a:xfrm>
              <a:off x="105455" y="178435"/>
              <a:ext cx="73835" cy="73835"/>
            </a:xfrm>
            <a:custGeom>
              <a:avLst/>
              <a:gdLst>
                <a:gd name="connsiteX0" fmla="*/ 73836 w 73835"/>
                <a:gd name="connsiteY0" fmla="*/ 36918 h 73835"/>
                <a:gd name="connsiteX1" fmla="*/ 36918 w 73835"/>
                <a:gd name="connsiteY1" fmla="*/ 73836 h 73835"/>
                <a:gd name="connsiteX2" fmla="*/ 0 w 73835"/>
                <a:gd name="connsiteY2" fmla="*/ 36918 h 73835"/>
                <a:gd name="connsiteX3" fmla="*/ 36918 w 73835"/>
                <a:gd name="connsiteY3" fmla="*/ 0 h 73835"/>
                <a:gd name="connsiteX4" fmla="*/ 73836 w 73835"/>
                <a:gd name="connsiteY4" fmla="*/ 36918 h 738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3835" h="73835">
                  <a:moveTo>
                    <a:pt x="73836" y="36918"/>
                  </a:moveTo>
                  <a:cubicBezTo>
                    <a:pt x="73836" y="57307"/>
                    <a:pt x="57307" y="73836"/>
                    <a:pt x="36918" y="73836"/>
                  </a:cubicBezTo>
                  <a:cubicBezTo>
                    <a:pt x="16529" y="73836"/>
                    <a:pt x="0" y="57307"/>
                    <a:pt x="0" y="36918"/>
                  </a:cubicBezTo>
                  <a:cubicBezTo>
                    <a:pt x="0" y="16529"/>
                    <a:pt x="16529" y="0"/>
                    <a:pt x="36918" y="0"/>
                  </a:cubicBezTo>
                  <a:cubicBezTo>
                    <a:pt x="57307" y="0"/>
                    <a:pt x="73836" y="16529"/>
                    <a:pt x="73836" y="36918"/>
                  </a:cubicBezTo>
                  <a:close/>
                </a:path>
              </a:pathLst>
            </a:custGeom>
            <a:noFill/>
            <a:ln w="28575" cap="rnd">
              <a:solidFill>
                <a:schemeClr val="tx2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0CE085E2-AB7B-F9D4-53EB-3D3F4CBA3405}"/>
                </a:ext>
              </a:extLst>
            </p:cNvPr>
            <p:cNvSpPr/>
            <p:nvPr/>
          </p:nvSpPr>
          <p:spPr>
            <a:xfrm>
              <a:off x="75886" y="148867"/>
              <a:ext cx="74946" cy="133057"/>
            </a:xfrm>
            <a:custGeom>
              <a:avLst/>
              <a:gdLst>
                <a:gd name="connsiteX0" fmla="*/ 74947 w 74946"/>
                <a:gd name="connsiteY0" fmla="*/ 132545 h 133057"/>
                <a:gd name="connsiteX1" fmla="*/ 66486 w 74946"/>
                <a:gd name="connsiteY1" fmla="*/ 133058 h 133057"/>
                <a:gd name="connsiteX2" fmla="*/ 0 w 74946"/>
                <a:gd name="connsiteY2" fmla="*/ 66486 h 133057"/>
                <a:gd name="connsiteX3" fmla="*/ 66486 w 74946"/>
                <a:gd name="connsiteY3" fmla="*/ 0 h 133057"/>
                <a:gd name="connsiteX4" fmla="*/ 74947 w 74946"/>
                <a:gd name="connsiteY4" fmla="*/ 598 h 1330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4946" h="133057">
                  <a:moveTo>
                    <a:pt x="74947" y="132545"/>
                  </a:moveTo>
                  <a:cubicBezTo>
                    <a:pt x="72127" y="132887"/>
                    <a:pt x="69392" y="133058"/>
                    <a:pt x="66486" y="133058"/>
                  </a:cubicBezTo>
                  <a:cubicBezTo>
                    <a:pt x="29739" y="133058"/>
                    <a:pt x="0" y="103233"/>
                    <a:pt x="0" y="66486"/>
                  </a:cubicBezTo>
                  <a:cubicBezTo>
                    <a:pt x="0" y="29739"/>
                    <a:pt x="29825" y="0"/>
                    <a:pt x="66486" y="0"/>
                  </a:cubicBezTo>
                  <a:cubicBezTo>
                    <a:pt x="69392" y="0"/>
                    <a:pt x="72127" y="171"/>
                    <a:pt x="74947" y="598"/>
                  </a:cubicBezTo>
                </a:path>
              </a:pathLst>
            </a:custGeom>
            <a:noFill/>
            <a:ln w="28575" cap="rnd">
              <a:solidFill>
                <a:schemeClr val="tx2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55845583-6591-83C4-5B39-DD482FBCF6AC}"/>
                </a:ext>
              </a:extLst>
            </p:cNvPr>
            <p:cNvSpPr/>
            <p:nvPr/>
          </p:nvSpPr>
          <p:spPr>
            <a:xfrm>
              <a:off x="179376" y="215353"/>
              <a:ext cx="72724" cy="8545"/>
            </a:xfrm>
            <a:custGeom>
              <a:avLst/>
              <a:gdLst>
                <a:gd name="connsiteX0" fmla="*/ 0 w 72724"/>
                <a:gd name="connsiteY0" fmla="*/ 0 h 8545"/>
                <a:gd name="connsiteX1" fmla="*/ 72725 w 72724"/>
                <a:gd name="connsiteY1" fmla="*/ 0 h 85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72724" h="8545">
                  <a:moveTo>
                    <a:pt x="0" y="0"/>
                  </a:moveTo>
                  <a:lnTo>
                    <a:pt x="72725" y="0"/>
                  </a:lnTo>
                </a:path>
              </a:pathLst>
            </a:custGeom>
            <a:ln w="28575" cap="rnd">
              <a:solidFill>
                <a:schemeClr val="tx2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1D30DCC9-A633-7BC8-6BF5-6B19F64ECF56}"/>
                </a:ext>
              </a:extLst>
            </p:cNvPr>
            <p:cNvSpPr/>
            <p:nvPr/>
          </p:nvSpPr>
          <p:spPr>
            <a:xfrm>
              <a:off x="252100" y="202705"/>
              <a:ext cx="25295" cy="25295"/>
            </a:xfrm>
            <a:custGeom>
              <a:avLst/>
              <a:gdLst>
                <a:gd name="connsiteX0" fmla="*/ 25296 w 25295"/>
                <a:gd name="connsiteY0" fmla="*/ 12648 h 25295"/>
                <a:gd name="connsiteX1" fmla="*/ 12648 w 25295"/>
                <a:gd name="connsiteY1" fmla="*/ 25296 h 25295"/>
                <a:gd name="connsiteX2" fmla="*/ 0 w 25295"/>
                <a:gd name="connsiteY2" fmla="*/ 12648 h 25295"/>
                <a:gd name="connsiteX3" fmla="*/ 12648 w 25295"/>
                <a:gd name="connsiteY3" fmla="*/ 0 h 25295"/>
                <a:gd name="connsiteX4" fmla="*/ 25296 w 25295"/>
                <a:gd name="connsiteY4" fmla="*/ 12648 h 252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295" h="25295">
                  <a:moveTo>
                    <a:pt x="25296" y="12648"/>
                  </a:moveTo>
                  <a:cubicBezTo>
                    <a:pt x="25296" y="19655"/>
                    <a:pt x="19655" y="25296"/>
                    <a:pt x="12648" y="25296"/>
                  </a:cubicBezTo>
                  <a:cubicBezTo>
                    <a:pt x="5640" y="25296"/>
                    <a:pt x="0" y="19655"/>
                    <a:pt x="0" y="12648"/>
                  </a:cubicBezTo>
                  <a:cubicBezTo>
                    <a:pt x="0" y="5640"/>
                    <a:pt x="5640" y="0"/>
                    <a:pt x="12648" y="0"/>
                  </a:cubicBezTo>
                  <a:cubicBezTo>
                    <a:pt x="19655" y="0"/>
                    <a:pt x="25296" y="5640"/>
                    <a:pt x="25296" y="12648"/>
                  </a:cubicBezTo>
                  <a:close/>
                </a:path>
              </a:pathLst>
            </a:custGeom>
            <a:noFill/>
            <a:ln w="28575" cap="rnd">
              <a:solidFill>
                <a:schemeClr val="tx2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5DEA7266-BB72-9AC5-B34F-2B5740C10C4F}"/>
                </a:ext>
              </a:extLst>
            </p:cNvPr>
            <p:cNvSpPr/>
            <p:nvPr/>
          </p:nvSpPr>
          <p:spPr>
            <a:xfrm>
              <a:off x="226805" y="266030"/>
              <a:ext cx="25295" cy="25295"/>
            </a:xfrm>
            <a:custGeom>
              <a:avLst/>
              <a:gdLst>
                <a:gd name="connsiteX0" fmla="*/ 25296 w 25295"/>
                <a:gd name="connsiteY0" fmla="*/ 12648 h 25295"/>
                <a:gd name="connsiteX1" fmla="*/ 12648 w 25295"/>
                <a:gd name="connsiteY1" fmla="*/ 25296 h 25295"/>
                <a:gd name="connsiteX2" fmla="*/ 0 w 25295"/>
                <a:gd name="connsiteY2" fmla="*/ 12648 h 25295"/>
                <a:gd name="connsiteX3" fmla="*/ 12648 w 25295"/>
                <a:gd name="connsiteY3" fmla="*/ 0 h 25295"/>
                <a:gd name="connsiteX4" fmla="*/ 25296 w 25295"/>
                <a:gd name="connsiteY4" fmla="*/ 12648 h 252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295" h="25295">
                  <a:moveTo>
                    <a:pt x="25296" y="12648"/>
                  </a:moveTo>
                  <a:cubicBezTo>
                    <a:pt x="25296" y="19655"/>
                    <a:pt x="19655" y="25296"/>
                    <a:pt x="12648" y="25296"/>
                  </a:cubicBezTo>
                  <a:cubicBezTo>
                    <a:pt x="5640" y="25296"/>
                    <a:pt x="0" y="19655"/>
                    <a:pt x="0" y="12648"/>
                  </a:cubicBezTo>
                  <a:cubicBezTo>
                    <a:pt x="0" y="5640"/>
                    <a:pt x="5640" y="0"/>
                    <a:pt x="12648" y="0"/>
                  </a:cubicBezTo>
                  <a:cubicBezTo>
                    <a:pt x="19655" y="0"/>
                    <a:pt x="25296" y="5640"/>
                    <a:pt x="25296" y="12648"/>
                  </a:cubicBezTo>
                  <a:close/>
                </a:path>
              </a:pathLst>
            </a:custGeom>
            <a:noFill/>
            <a:ln w="28575" cap="rnd">
              <a:solidFill>
                <a:schemeClr val="tx2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03ED70AF-7D1F-AA49-2803-713CC8C73752}"/>
                </a:ext>
              </a:extLst>
            </p:cNvPr>
            <p:cNvSpPr/>
            <p:nvPr/>
          </p:nvSpPr>
          <p:spPr>
            <a:xfrm>
              <a:off x="226805" y="139467"/>
              <a:ext cx="25295" cy="25295"/>
            </a:xfrm>
            <a:custGeom>
              <a:avLst/>
              <a:gdLst>
                <a:gd name="connsiteX0" fmla="*/ 25296 w 25295"/>
                <a:gd name="connsiteY0" fmla="*/ 12648 h 25295"/>
                <a:gd name="connsiteX1" fmla="*/ 12648 w 25295"/>
                <a:gd name="connsiteY1" fmla="*/ 25296 h 25295"/>
                <a:gd name="connsiteX2" fmla="*/ 0 w 25295"/>
                <a:gd name="connsiteY2" fmla="*/ 12648 h 25295"/>
                <a:gd name="connsiteX3" fmla="*/ 12648 w 25295"/>
                <a:gd name="connsiteY3" fmla="*/ 0 h 25295"/>
                <a:gd name="connsiteX4" fmla="*/ 25296 w 25295"/>
                <a:gd name="connsiteY4" fmla="*/ 12648 h 252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295" h="25295">
                  <a:moveTo>
                    <a:pt x="25296" y="12648"/>
                  </a:moveTo>
                  <a:cubicBezTo>
                    <a:pt x="25296" y="19655"/>
                    <a:pt x="19655" y="25296"/>
                    <a:pt x="12648" y="25296"/>
                  </a:cubicBezTo>
                  <a:cubicBezTo>
                    <a:pt x="5640" y="25296"/>
                    <a:pt x="0" y="19655"/>
                    <a:pt x="0" y="12648"/>
                  </a:cubicBezTo>
                  <a:cubicBezTo>
                    <a:pt x="0" y="5640"/>
                    <a:pt x="5640" y="0"/>
                    <a:pt x="12648" y="0"/>
                  </a:cubicBezTo>
                  <a:cubicBezTo>
                    <a:pt x="19655" y="0"/>
                    <a:pt x="25296" y="5640"/>
                    <a:pt x="25296" y="12648"/>
                  </a:cubicBezTo>
                  <a:close/>
                </a:path>
              </a:pathLst>
            </a:custGeom>
            <a:noFill/>
            <a:ln w="28575" cap="rnd">
              <a:solidFill>
                <a:schemeClr val="tx2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18E1A5DC-19F4-36EA-7708-DDA9D031667E}"/>
                </a:ext>
              </a:extLst>
            </p:cNvPr>
            <p:cNvSpPr/>
            <p:nvPr/>
          </p:nvSpPr>
          <p:spPr>
            <a:xfrm>
              <a:off x="169292" y="164762"/>
              <a:ext cx="70160" cy="25295"/>
            </a:xfrm>
            <a:custGeom>
              <a:avLst/>
              <a:gdLst>
                <a:gd name="connsiteX0" fmla="*/ 70161 w 70160"/>
                <a:gd name="connsiteY0" fmla="*/ 0 h 25295"/>
                <a:gd name="connsiteX1" fmla="*/ 70161 w 70160"/>
                <a:gd name="connsiteY1" fmla="*/ 25296 h 25295"/>
                <a:gd name="connsiteX2" fmla="*/ 0 w 70160"/>
                <a:gd name="connsiteY2" fmla="*/ 25296 h 252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70160" h="25295">
                  <a:moveTo>
                    <a:pt x="70161" y="0"/>
                  </a:moveTo>
                  <a:lnTo>
                    <a:pt x="70161" y="25296"/>
                  </a:lnTo>
                  <a:lnTo>
                    <a:pt x="0" y="25296"/>
                  </a:lnTo>
                </a:path>
              </a:pathLst>
            </a:custGeom>
            <a:noFill/>
            <a:ln w="28575" cap="rnd">
              <a:solidFill>
                <a:schemeClr val="tx2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8994A243-71D4-90A1-A9D7-99AD55679D75}"/>
                </a:ext>
              </a:extLst>
            </p:cNvPr>
            <p:cNvSpPr/>
            <p:nvPr/>
          </p:nvSpPr>
          <p:spPr>
            <a:xfrm>
              <a:off x="169292" y="240734"/>
              <a:ext cx="70160" cy="25295"/>
            </a:xfrm>
            <a:custGeom>
              <a:avLst/>
              <a:gdLst>
                <a:gd name="connsiteX0" fmla="*/ 70161 w 70160"/>
                <a:gd name="connsiteY0" fmla="*/ 25296 h 25295"/>
                <a:gd name="connsiteX1" fmla="*/ 70161 w 70160"/>
                <a:gd name="connsiteY1" fmla="*/ 0 h 25295"/>
                <a:gd name="connsiteX2" fmla="*/ 0 w 70160"/>
                <a:gd name="connsiteY2" fmla="*/ 0 h 252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70160" h="25295">
                  <a:moveTo>
                    <a:pt x="70161" y="25296"/>
                  </a:moveTo>
                  <a:lnTo>
                    <a:pt x="70161" y="0"/>
                  </a:lnTo>
                  <a:lnTo>
                    <a:pt x="0" y="0"/>
                  </a:lnTo>
                </a:path>
              </a:pathLst>
            </a:custGeom>
            <a:noFill/>
            <a:ln w="28575" cap="rnd">
              <a:solidFill>
                <a:schemeClr val="tx2">
                  <a:lumMod val="20000"/>
                  <a:lumOff val="80000"/>
                </a:schemeClr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</a:endParaRPr>
            </a:p>
          </p:txBody>
        </p:sp>
        <p:grpSp>
          <p:nvGrpSpPr>
            <p:cNvPr id="79" name="Graphic 36">
              <a:extLst>
                <a:ext uri="{FF2B5EF4-FFF2-40B4-BE49-F238E27FC236}">
                  <a16:creationId xmlns:a16="http://schemas.microsoft.com/office/drawing/2014/main" id="{8B3DD0CD-A74F-AE0E-2466-FB7B590A465C}"/>
                </a:ext>
              </a:extLst>
            </p:cNvPr>
            <p:cNvGrpSpPr/>
            <p:nvPr/>
          </p:nvGrpSpPr>
          <p:grpSpPr>
            <a:xfrm>
              <a:off x="167753" y="240734"/>
              <a:ext cx="33670" cy="109642"/>
              <a:chOff x="167753" y="240734"/>
              <a:chExt cx="33670" cy="109642"/>
            </a:xfrm>
            <a:noFill/>
          </p:grpSpPr>
          <p:sp>
            <p:nvSpPr>
              <p:cNvPr id="97" name="Freeform: Shape 96">
                <a:extLst>
                  <a:ext uri="{FF2B5EF4-FFF2-40B4-BE49-F238E27FC236}">
                    <a16:creationId xmlns:a16="http://schemas.microsoft.com/office/drawing/2014/main" id="{F186CACB-B1E9-2BA8-DBA6-4A007F3BB8B8}"/>
                  </a:ext>
                </a:extLst>
              </p:cNvPr>
              <p:cNvSpPr/>
              <p:nvPr/>
            </p:nvSpPr>
            <p:spPr>
              <a:xfrm>
                <a:off x="167753" y="325081"/>
                <a:ext cx="25295" cy="25295"/>
              </a:xfrm>
              <a:custGeom>
                <a:avLst/>
                <a:gdLst>
                  <a:gd name="connsiteX0" fmla="*/ 25296 w 25295"/>
                  <a:gd name="connsiteY0" fmla="*/ 12648 h 25295"/>
                  <a:gd name="connsiteX1" fmla="*/ 12648 w 25295"/>
                  <a:gd name="connsiteY1" fmla="*/ 25296 h 25295"/>
                  <a:gd name="connsiteX2" fmla="*/ 0 w 25295"/>
                  <a:gd name="connsiteY2" fmla="*/ 12648 h 25295"/>
                  <a:gd name="connsiteX3" fmla="*/ 12648 w 25295"/>
                  <a:gd name="connsiteY3" fmla="*/ 0 h 25295"/>
                  <a:gd name="connsiteX4" fmla="*/ 25296 w 25295"/>
                  <a:gd name="connsiteY4" fmla="*/ 12648 h 252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25295" h="25295">
                    <a:moveTo>
                      <a:pt x="25296" y="12648"/>
                    </a:moveTo>
                    <a:cubicBezTo>
                      <a:pt x="25296" y="19655"/>
                      <a:pt x="19655" y="25296"/>
                      <a:pt x="12648" y="25296"/>
                    </a:cubicBezTo>
                    <a:cubicBezTo>
                      <a:pt x="5640" y="25296"/>
                      <a:pt x="0" y="19655"/>
                      <a:pt x="0" y="12648"/>
                    </a:cubicBezTo>
                    <a:cubicBezTo>
                      <a:pt x="0" y="5640"/>
                      <a:pt x="5640" y="0"/>
                      <a:pt x="12648" y="0"/>
                    </a:cubicBezTo>
                    <a:cubicBezTo>
                      <a:pt x="19655" y="0"/>
                      <a:pt x="25296" y="5640"/>
                      <a:pt x="25296" y="12648"/>
                    </a:cubicBezTo>
                    <a:close/>
                  </a:path>
                </a:pathLst>
              </a:custGeom>
              <a:noFill/>
              <a:ln w="28575" cap="rnd">
                <a:solidFill>
                  <a:schemeClr val="tx2">
                    <a:lumMod val="20000"/>
                    <a:lumOff val="80000"/>
                  </a:schemeClr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</a:endParaRPr>
              </a:p>
            </p:txBody>
          </p:sp>
          <p:sp>
            <p:nvSpPr>
              <p:cNvPr id="98" name="Freeform: Shape 97">
                <a:extLst>
                  <a:ext uri="{FF2B5EF4-FFF2-40B4-BE49-F238E27FC236}">
                    <a16:creationId xmlns:a16="http://schemas.microsoft.com/office/drawing/2014/main" id="{1C247D3B-0366-0396-9D40-D8281287284F}"/>
                  </a:ext>
                </a:extLst>
              </p:cNvPr>
              <p:cNvSpPr/>
              <p:nvPr/>
            </p:nvSpPr>
            <p:spPr>
              <a:xfrm>
                <a:off x="180316" y="240734"/>
                <a:ext cx="21108" cy="84346"/>
              </a:xfrm>
              <a:custGeom>
                <a:avLst/>
                <a:gdLst>
                  <a:gd name="connsiteX0" fmla="*/ 0 w 21108"/>
                  <a:gd name="connsiteY0" fmla="*/ 84347 h 84346"/>
                  <a:gd name="connsiteX1" fmla="*/ 0 w 21108"/>
                  <a:gd name="connsiteY1" fmla="*/ 25296 h 84346"/>
                  <a:gd name="connsiteX2" fmla="*/ 21108 w 21108"/>
                  <a:gd name="connsiteY2" fmla="*/ 25296 h 84346"/>
                  <a:gd name="connsiteX3" fmla="*/ 21108 w 21108"/>
                  <a:gd name="connsiteY3" fmla="*/ 0 h 8434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1108" h="84346">
                    <a:moveTo>
                      <a:pt x="0" y="84347"/>
                    </a:moveTo>
                    <a:lnTo>
                      <a:pt x="0" y="25296"/>
                    </a:lnTo>
                    <a:lnTo>
                      <a:pt x="21108" y="25296"/>
                    </a:lnTo>
                    <a:lnTo>
                      <a:pt x="21108" y="0"/>
                    </a:lnTo>
                  </a:path>
                </a:pathLst>
              </a:custGeom>
              <a:noFill/>
              <a:ln w="28575" cap="rnd">
                <a:solidFill>
                  <a:schemeClr val="tx2">
                    <a:lumMod val="20000"/>
                    <a:lumOff val="80000"/>
                  </a:schemeClr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</a:endParaRPr>
              </a:p>
            </p:txBody>
          </p:sp>
        </p:grpSp>
        <p:grpSp>
          <p:nvGrpSpPr>
            <p:cNvPr id="80" name="Graphic 36">
              <a:extLst>
                <a:ext uri="{FF2B5EF4-FFF2-40B4-BE49-F238E27FC236}">
                  <a16:creationId xmlns:a16="http://schemas.microsoft.com/office/drawing/2014/main" id="{9B79B142-BE72-27EC-11AA-F319BA1968E9}"/>
                </a:ext>
              </a:extLst>
            </p:cNvPr>
            <p:cNvGrpSpPr/>
            <p:nvPr/>
          </p:nvGrpSpPr>
          <p:grpSpPr>
            <a:xfrm>
              <a:off x="167753" y="76911"/>
              <a:ext cx="33670" cy="109727"/>
              <a:chOff x="167753" y="76911"/>
              <a:chExt cx="33670" cy="109727"/>
            </a:xfrm>
            <a:noFill/>
          </p:grpSpPr>
          <p:sp>
            <p:nvSpPr>
              <p:cNvPr id="95" name="Freeform: Shape 94">
                <a:extLst>
                  <a:ext uri="{FF2B5EF4-FFF2-40B4-BE49-F238E27FC236}">
                    <a16:creationId xmlns:a16="http://schemas.microsoft.com/office/drawing/2014/main" id="{68C082F8-09C3-F777-E233-E07381C1A261}"/>
                  </a:ext>
                </a:extLst>
              </p:cNvPr>
              <p:cNvSpPr/>
              <p:nvPr/>
            </p:nvSpPr>
            <p:spPr>
              <a:xfrm>
                <a:off x="167753" y="76911"/>
                <a:ext cx="25295" cy="25295"/>
              </a:xfrm>
              <a:custGeom>
                <a:avLst/>
                <a:gdLst>
                  <a:gd name="connsiteX0" fmla="*/ 25296 w 25295"/>
                  <a:gd name="connsiteY0" fmla="*/ 12648 h 25295"/>
                  <a:gd name="connsiteX1" fmla="*/ 12648 w 25295"/>
                  <a:gd name="connsiteY1" fmla="*/ 0 h 25295"/>
                  <a:gd name="connsiteX2" fmla="*/ 0 w 25295"/>
                  <a:gd name="connsiteY2" fmla="*/ 12648 h 25295"/>
                  <a:gd name="connsiteX3" fmla="*/ 12648 w 25295"/>
                  <a:gd name="connsiteY3" fmla="*/ 25296 h 25295"/>
                  <a:gd name="connsiteX4" fmla="*/ 25296 w 25295"/>
                  <a:gd name="connsiteY4" fmla="*/ 12648 h 252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25295" h="25295">
                    <a:moveTo>
                      <a:pt x="25296" y="12648"/>
                    </a:moveTo>
                    <a:cubicBezTo>
                      <a:pt x="25296" y="5640"/>
                      <a:pt x="19655" y="0"/>
                      <a:pt x="12648" y="0"/>
                    </a:cubicBezTo>
                    <a:cubicBezTo>
                      <a:pt x="5640" y="0"/>
                      <a:pt x="0" y="5640"/>
                      <a:pt x="0" y="12648"/>
                    </a:cubicBezTo>
                    <a:cubicBezTo>
                      <a:pt x="0" y="19655"/>
                      <a:pt x="5640" y="25296"/>
                      <a:pt x="12648" y="25296"/>
                    </a:cubicBezTo>
                    <a:cubicBezTo>
                      <a:pt x="19655" y="25296"/>
                      <a:pt x="25296" y="19655"/>
                      <a:pt x="25296" y="12648"/>
                    </a:cubicBezTo>
                    <a:close/>
                  </a:path>
                </a:pathLst>
              </a:custGeom>
              <a:noFill/>
              <a:ln w="28575" cap="rnd">
                <a:solidFill>
                  <a:schemeClr val="tx2">
                    <a:lumMod val="20000"/>
                    <a:lumOff val="80000"/>
                  </a:schemeClr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</a:endParaRPr>
              </a:p>
            </p:txBody>
          </p:sp>
          <p:sp>
            <p:nvSpPr>
              <p:cNvPr id="96" name="Freeform: Shape 95">
                <a:extLst>
                  <a:ext uri="{FF2B5EF4-FFF2-40B4-BE49-F238E27FC236}">
                    <a16:creationId xmlns:a16="http://schemas.microsoft.com/office/drawing/2014/main" id="{67E961C7-E135-DE36-7870-14C2F4391A7D}"/>
                  </a:ext>
                </a:extLst>
              </p:cNvPr>
              <p:cNvSpPr/>
              <p:nvPr/>
            </p:nvSpPr>
            <p:spPr>
              <a:xfrm>
                <a:off x="180316" y="102207"/>
                <a:ext cx="21108" cy="84432"/>
              </a:xfrm>
              <a:custGeom>
                <a:avLst/>
                <a:gdLst>
                  <a:gd name="connsiteX0" fmla="*/ 0 w 21108"/>
                  <a:gd name="connsiteY0" fmla="*/ 0 h 84432"/>
                  <a:gd name="connsiteX1" fmla="*/ 0 w 21108"/>
                  <a:gd name="connsiteY1" fmla="*/ 59051 h 84432"/>
                  <a:gd name="connsiteX2" fmla="*/ 21108 w 21108"/>
                  <a:gd name="connsiteY2" fmla="*/ 59051 h 84432"/>
                  <a:gd name="connsiteX3" fmla="*/ 21108 w 21108"/>
                  <a:gd name="connsiteY3" fmla="*/ 84432 h 84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1108" h="84432">
                    <a:moveTo>
                      <a:pt x="0" y="0"/>
                    </a:moveTo>
                    <a:lnTo>
                      <a:pt x="0" y="59051"/>
                    </a:lnTo>
                    <a:lnTo>
                      <a:pt x="21108" y="59051"/>
                    </a:lnTo>
                    <a:lnTo>
                      <a:pt x="21108" y="84432"/>
                    </a:lnTo>
                  </a:path>
                </a:pathLst>
              </a:custGeom>
              <a:noFill/>
              <a:ln w="28575" cap="rnd">
                <a:solidFill>
                  <a:schemeClr val="tx2">
                    <a:lumMod val="20000"/>
                    <a:lumOff val="80000"/>
                  </a:schemeClr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</a:endParaRPr>
              </a:p>
            </p:txBody>
          </p:sp>
        </p:grpSp>
      </p:grpSp>
      <p:sp>
        <p:nvSpPr>
          <p:cNvPr id="8" name="Title 7">
            <a:extLst>
              <a:ext uri="{FF2B5EF4-FFF2-40B4-BE49-F238E27FC236}">
                <a16:creationId xmlns:a16="http://schemas.microsoft.com/office/drawing/2014/main" id="{21A62080-984B-476B-BA6D-A4A0F0DE49B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8600" y="228600"/>
            <a:ext cx="11811000" cy="648081"/>
          </a:xfrm>
        </p:spPr>
        <p:txBody>
          <a:bodyPr/>
          <a:lstStyle/>
          <a:p>
            <a:r>
              <a:rPr lang="en-US" dirty="0">
                <a:solidFill>
                  <a:sysClr val="windowText" lastClr="000000"/>
                </a:solidFill>
              </a:rPr>
              <a:t>Higher Ed Disruption</a:t>
            </a:r>
            <a:endParaRPr lang="en-US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71087794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CC105E-19D8-D984-EF7C-284526B545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09600" y="2286000"/>
            <a:ext cx="11811000" cy="1325563"/>
          </a:xfrm>
        </p:spPr>
        <p:txBody>
          <a:bodyPr/>
          <a:lstStyle/>
          <a:p>
            <a:r>
              <a:rPr lang="en-US" sz="6600" dirty="0">
                <a:solidFill>
                  <a:schemeClr val="bg1"/>
                </a:solidFill>
              </a:rPr>
              <a:t>Jeopardy: </a:t>
            </a:r>
            <a:br>
              <a:rPr lang="en-US" sz="6600" dirty="0">
                <a:solidFill>
                  <a:schemeClr val="bg1"/>
                </a:solidFill>
              </a:rPr>
            </a:br>
            <a:r>
              <a:rPr lang="en-US" sz="6600" dirty="0">
                <a:solidFill>
                  <a:schemeClr val="bg1"/>
                </a:solidFill>
              </a:rPr>
              <a:t>Abbreviated </a:t>
            </a:r>
            <a:r>
              <a:rPr lang="en-US" sz="6600" i="1" dirty="0">
                <a:solidFill>
                  <a:schemeClr val="bg1"/>
                </a:solidFill>
              </a:rPr>
              <a:t>Name That Curveball</a:t>
            </a:r>
            <a:r>
              <a:rPr lang="en-US" sz="6600" dirty="0">
                <a:solidFill>
                  <a:schemeClr val="bg1"/>
                </a:solidFill>
              </a:rPr>
              <a:t> Edition</a:t>
            </a:r>
          </a:p>
        </p:txBody>
      </p:sp>
    </p:spTree>
    <p:extLst>
      <p:ext uri="{BB962C8B-B14F-4D97-AF65-F5344CB8AC3E}">
        <p14:creationId xmlns:p14="http://schemas.microsoft.com/office/powerpoint/2010/main" val="316789139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38684535861074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5584699967321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3205025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3205025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289251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hroden\AppData\Local\Templafy\AddIns\PowerPointVsto\Segal 01 doc.png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4923929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4923929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4923929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4923929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4923929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2892513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217687253048765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97119690455643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38684536623098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08670818278365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97119686351199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97119686351199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65944152260838"/>
</p:tagLst>
</file>

<file path=ppt/theme/theme1.xml><?xml version="1.0" encoding="utf-8"?>
<a:theme xmlns:a="http://schemas.openxmlformats.org/drawingml/2006/main" name="SEGAL Presentation">
  <a:themeElements>
    <a:clrScheme name="Custom 1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D43E96"/>
      </a:accent4>
      <a:accent5>
        <a:srgbClr val="001C71"/>
      </a:accent5>
      <a:accent6>
        <a:srgbClr val="EEAF30"/>
      </a:accent6>
      <a:hlink>
        <a:srgbClr val="EEAF30"/>
      </a:hlink>
      <a:folHlink>
        <a:srgbClr val="D8D8D8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1200"/>
          </a:spcBef>
          <a:defRPr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NEW Segal Widescreen.potx" id="{B3157601-7D3C-43BE-9F61-5F0F4FDCE568}" vid="{A6EBD6CC-9A43-4554-A786-2CD863CD10B6}"/>
    </a:ext>
  </a:extLst>
</a:theme>
</file>

<file path=ppt/theme/theme2.xml><?xml version="1.0" encoding="utf-8"?>
<a:theme xmlns:a="http://schemas.openxmlformats.org/drawingml/2006/main" name="SEGAL Presentation Dark">
  <a:themeElements>
    <a:clrScheme name="New Segal Rebrand 2020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D43E96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NEW Segal Widescreen.potx" id="{B3157601-7D3C-43BE-9F61-5F0F4FDCE568}" vid="{C3019B78-9EA8-4BB4-97D6-B7872F32D148}"/>
    </a:ext>
  </a:extLst>
</a:theme>
</file>

<file path=ppt/theme/theme3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16.xml><?xml version="1.0" encoding="utf-8"?>
<TemplafySlideTemplateConfiguration><![CDATA[{"slideVersion":3,"isValidatorEnabled":false,"isLocked":false,"elementsMetadata":[],"slideId":"1011980701805838360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3,"isValidatorEnabled":false,"isLocked":false,"elementsMetadata":[],"slideId":"1011980701805838360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C937558E61BD44586F25F520055AA10" ma:contentTypeVersion="20" ma:contentTypeDescription="Create a new document." ma:contentTypeScope="" ma:versionID="676f962d6c0796fe1f723e8f4aa049e2">
  <xsd:schema xmlns:xsd="http://www.w3.org/2001/XMLSchema" xmlns:xs="http://www.w3.org/2001/XMLSchema" xmlns:p="http://schemas.microsoft.com/office/2006/metadata/properties" xmlns:ns2="42a5e257-5cab-4260-b05f-2067b1d616c3" xmlns:ns3="7596f7a0-ad64-4a7a-8b43-6fa48958f79d" targetNamespace="http://schemas.microsoft.com/office/2006/metadata/properties" ma:root="true" ma:fieldsID="7fb14519f1b4c51fd141c4386ddd21a8" ns2:_="" ns3:_="">
    <xsd:import namespace="42a5e257-5cab-4260-b05f-2067b1d616c3"/>
    <xsd:import namespace="7596f7a0-ad64-4a7a-8b43-6fa48958f79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  <xsd:element ref="ns3:TaxKeywordTaxHTFiel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2a5e257-5cab-4260-b05f-2067b1d616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1" nillable="true" ma:displayName="Length (seconds)" ma:internalName="MediaLengthInSeconds" ma:readOnly="true">
      <xsd:simpleType>
        <xsd:restriction base="dms:Unknown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592d6ec5-c7ce-4635-bbd3-313f69af6cc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96f7a0-ad64-4a7a-8b43-6fa48958f79d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d5056022-986d-43c7-bd16-dfb40beb5d14}" ma:internalName="TaxCatchAll" ma:showField="CatchAllData" ma:web="7596f7a0-ad64-4a7a-8b43-6fa48958f79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KeywordTaxHTField" ma:index="27" nillable="true" ma:taxonomy="true" ma:internalName="TaxKeywordTaxHTField" ma:taxonomyFieldName="TaxKeyword" ma:displayName="Enterprise Keywords" ma:fieldId="{23f27201-bee3-471e-b2e7-b64fd8b7ca38}" ma:taxonomyMulti="true" ma:sspId="592d6ec5-c7ce-4635-bbd3-313f69af6cc8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2,"isValidatorEnabled":false,"isLocked":false,"elementsMetadata":[],"slideId":"1011980633086361634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2,"isValidatorEnabled":false,"isLocked":false,"elementsMetadata":[],"slideId":"1011980650266230814","enableDocumentContentUpdater":false,"version":"2.0"}]]></TemplafySlideTemplateConfiguration>
</file>

<file path=customXml/item26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KeywordTaxHTField xmlns="7596f7a0-ad64-4a7a-8b43-6fa48958f79d">
      <Terms xmlns="http://schemas.microsoft.com/office/infopath/2007/PartnerControls"/>
    </TaxKeywordTaxHTField>
    <SharedWithUsers xmlns="7596f7a0-ad64-4a7a-8b43-6fa48958f79d">
      <UserInfo>
        <DisplayName/>
        <AccountId xsi:nil="true"/>
        <AccountType/>
      </UserInfo>
    </SharedWithUsers>
    <lcf76f155ced4ddcb4097134ff3c332f xmlns="42a5e257-5cab-4260-b05f-2067b1d616c3">
      <Terms xmlns="http://schemas.microsoft.com/office/infopath/2007/PartnerControls"/>
    </lcf76f155ced4ddcb4097134ff3c332f>
    <TaxCatchAll xmlns="7596f7a0-ad64-4a7a-8b43-6fa48958f79d" xsi:nil="true"/>
  </documentManagement>
</p:properties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32.xml><?xml version="1.0" encoding="utf-8"?>
<TemplafySlideTemplateConfiguration><![CDATA[{"slideVersion":2,"isValidatorEnabled":false,"isLocked":false,"elementsMetadata":[],"slideId":"1011980624496427026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2,"isValidatorEnabled":false,"isLocked":false,"elementsMetadata":[],"slideId":"1011980624496427026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4.xml><?xml version="1.0" encoding="utf-8"?>
<TemplafyTemplateConfiguration><![CDATA[{"elementsMetadata":[],"transformationConfigurations":[],"templateName":"Segal Widescreen (7)","templateDescription":"","enableDocumentContentUpdater":false,"version":"2.0"}]]></Templafy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2,"isValidatorEnabled":false,"isLocked":false,"elementsMetadata":[],"slideId":"1011980624496427020","enableDocumentContentUpdater":false,"version":"2.0"}]]></TemplafySlideTemplateConfiguration>
</file>

<file path=customXml/item42.xml><?xml version="1.0" encoding="utf-8"?>
<TemplafySlideTemplateConfiguration><![CDATA[{"slideVersion":2,"isValidatorEnabled":false,"isLocked":false,"elementsMetadata":[],"slideId":"1011980624496427048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2,"isValidatorEnabled":false,"isLocked":false,"elementsMetadata":[],"slideId":"1011980624496427048","enableDocumentContentUpdater":false,"version":"2.0"}]]></TemplafySlideTemplateConfiguration>
</file>

<file path=customXml/item46.xml><?xml version="1.0" encoding="utf-8"?>
<TemplafySlideTemplateConfiguration><![CDATA[{"slideVersion":2,"isValidatorEnabled":false,"isLocked":false,"elementsMetadata":[],"slideId":"1011980624496427048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2,"isValidatorEnabled":false,"isLocked":false,"elementsMetadata":[],"slideId":"1011980624496427048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],"formDataEntries":[]}]]></TemplafyFormConfiguration>
</file>

<file path=customXml/item50.xml><?xml version="1.0" encoding="utf-8"?>
<TemplafySlideTemplateConfiguration><![CDATA[{"slideVersion":2,"isValidatorEnabled":false,"isLocked":false,"elementsMetadata":[],"slideId":"1011980624496427048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slideVersion":2,"isValidatorEnabled":false,"isLocked":false,"elementsMetadata":[],"slideId":"1011980624496427020","enableDocumentContentUpdater":fals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slideVersion":2,"isValidatorEnabled":false,"isLocked":false,"elementsMetadata":[],"slideId":"1011980633086361642","enableDocumentContentUpdater":false,"version":"2.0"}]]></TemplafySlideTemplate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TemplateConfiguration><![CDATA[{"slideVersion":2,"isValidatorEnabled":false,"isLocked":false,"elementsMetadata":[],"slideId":"1011980624496427023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1230402552145117184","enableDocumentContentUpdater":false,"version":"2.0"}]]></TemplafySlideTemplate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slideVersion":3,"isValidatorEnabled":false,"isLocked":false,"elementsMetadata":[],"slideId":"1011980701805838367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123040255214511718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00BED18-8B30-4BED-B3F0-D56A8F0B33F4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C7595CCA-F2A7-4EDE-AF96-CAD740C46480}">
  <ds:schemaRefs/>
</ds:datastoreItem>
</file>

<file path=customXml/itemProps11.xml><?xml version="1.0" encoding="utf-8"?>
<ds:datastoreItem xmlns:ds="http://schemas.openxmlformats.org/officeDocument/2006/customXml" ds:itemID="{585A8BAC-3C55-4503-AB9E-B015AC651FAD}">
  <ds:schemaRefs/>
</ds:datastoreItem>
</file>

<file path=customXml/itemProps12.xml><?xml version="1.0" encoding="utf-8"?>
<ds:datastoreItem xmlns:ds="http://schemas.openxmlformats.org/officeDocument/2006/customXml" ds:itemID="{3B5A3AD8-9D73-4EFA-843B-04E405E165A3}">
  <ds:schemaRefs/>
</ds:datastoreItem>
</file>

<file path=customXml/itemProps13.xml><?xml version="1.0" encoding="utf-8"?>
<ds:datastoreItem xmlns:ds="http://schemas.openxmlformats.org/officeDocument/2006/customXml" ds:itemID="{F397302B-8D24-4584-A483-2D0E0E020E81}">
  <ds:schemaRefs/>
</ds:datastoreItem>
</file>

<file path=customXml/itemProps14.xml><?xml version="1.0" encoding="utf-8"?>
<ds:datastoreItem xmlns:ds="http://schemas.openxmlformats.org/officeDocument/2006/customXml" ds:itemID="{E30470DA-AE68-49B3-BA8B-38FF3E254281}">
  <ds:schemaRefs/>
</ds:datastoreItem>
</file>

<file path=customXml/itemProps15.xml><?xml version="1.0" encoding="utf-8"?>
<ds:datastoreItem xmlns:ds="http://schemas.openxmlformats.org/officeDocument/2006/customXml" ds:itemID="{B5ACAF33-C83C-44F0-8ABC-10F5F59F1C88}">
  <ds:schemaRefs/>
</ds:datastoreItem>
</file>

<file path=customXml/itemProps16.xml><?xml version="1.0" encoding="utf-8"?>
<ds:datastoreItem xmlns:ds="http://schemas.openxmlformats.org/officeDocument/2006/customXml" ds:itemID="{DCFB20BB-A341-44E8-A6F9-82966769DD08}">
  <ds:schemaRefs/>
</ds:datastoreItem>
</file>

<file path=customXml/itemProps17.xml><?xml version="1.0" encoding="utf-8"?>
<ds:datastoreItem xmlns:ds="http://schemas.openxmlformats.org/officeDocument/2006/customXml" ds:itemID="{A7DB27C4-5916-40D7-807A-EC9D9B0909A4}">
  <ds:schemaRefs/>
</ds:datastoreItem>
</file>

<file path=customXml/itemProps18.xml><?xml version="1.0" encoding="utf-8"?>
<ds:datastoreItem xmlns:ds="http://schemas.openxmlformats.org/officeDocument/2006/customXml" ds:itemID="{810E5F45-A1B7-4EBF-A650-622520771FA8}">
  <ds:schemaRefs/>
</ds:datastoreItem>
</file>

<file path=customXml/itemProps19.xml><?xml version="1.0" encoding="utf-8"?>
<ds:datastoreItem xmlns:ds="http://schemas.openxmlformats.org/officeDocument/2006/customXml" ds:itemID="{0D9CC8F6-62C4-40CA-B5E6-3C59BCD77EAB}">
  <ds:schemaRefs/>
</ds:datastoreItem>
</file>

<file path=customXml/itemProps2.xml><?xml version="1.0" encoding="utf-8"?>
<ds:datastoreItem xmlns:ds="http://schemas.openxmlformats.org/officeDocument/2006/customXml" ds:itemID="{E42C28D4-4424-4110-8FDE-FAC5768C534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2a5e257-5cab-4260-b05f-2067b1d616c3"/>
    <ds:schemaRef ds:uri="7596f7a0-ad64-4a7a-8b43-6fa48958f79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0.xml><?xml version="1.0" encoding="utf-8"?>
<ds:datastoreItem xmlns:ds="http://schemas.openxmlformats.org/officeDocument/2006/customXml" ds:itemID="{46142052-304A-4D66-A854-9A198C786D69}">
  <ds:schemaRefs/>
</ds:datastoreItem>
</file>

<file path=customXml/itemProps21.xml><?xml version="1.0" encoding="utf-8"?>
<ds:datastoreItem xmlns:ds="http://schemas.openxmlformats.org/officeDocument/2006/customXml" ds:itemID="{FECFB06B-CD65-43E3-8E85-8C3E3BD8D8D5}">
  <ds:schemaRefs/>
</ds:datastoreItem>
</file>

<file path=customXml/itemProps22.xml><?xml version="1.0" encoding="utf-8"?>
<ds:datastoreItem xmlns:ds="http://schemas.openxmlformats.org/officeDocument/2006/customXml" ds:itemID="{B47AFC1E-1FFA-4322-873E-B35CA440E4CC}">
  <ds:schemaRefs/>
</ds:datastoreItem>
</file>

<file path=customXml/itemProps23.xml><?xml version="1.0" encoding="utf-8"?>
<ds:datastoreItem xmlns:ds="http://schemas.openxmlformats.org/officeDocument/2006/customXml" ds:itemID="{5FFE7B1A-6498-4681-89FB-FC16D72D21FD}">
  <ds:schemaRefs/>
</ds:datastoreItem>
</file>

<file path=customXml/itemProps24.xml><?xml version="1.0" encoding="utf-8"?>
<ds:datastoreItem xmlns:ds="http://schemas.openxmlformats.org/officeDocument/2006/customXml" ds:itemID="{497EF83F-2C93-49D8-9FB1-962AAD1F31F5}">
  <ds:schemaRefs/>
</ds:datastoreItem>
</file>

<file path=customXml/itemProps25.xml><?xml version="1.0" encoding="utf-8"?>
<ds:datastoreItem xmlns:ds="http://schemas.openxmlformats.org/officeDocument/2006/customXml" ds:itemID="{CB0388FF-A337-4853-A968-252E7BBA8A4B}">
  <ds:schemaRefs/>
</ds:datastoreItem>
</file>

<file path=customXml/itemProps26.xml><?xml version="1.0" encoding="utf-8"?>
<ds:datastoreItem xmlns:ds="http://schemas.openxmlformats.org/officeDocument/2006/customXml" ds:itemID="{2AFB3489-7EAB-499A-935F-57D2A1824031}">
  <ds:schemaRefs/>
</ds:datastoreItem>
</file>

<file path=customXml/itemProps27.xml><?xml version="1.0" encoding="utf-8"?>
<ds:datastoreItem xmlns:ds="http://schemas.openxmlformats.org/officeDocument/2006/customXml" ds:itemID="{F82552EC-B9DF-4A36-8C7D-408224DD6647}">
  <ds:schemaRefs/>
</ds:datastoreItem>
</file>

<file path=customXml/itemProps28.xml><?xml version="1.0" encoding="utf-8"?>
<ds:datastoreItem xmlns:ds="http://schemas.openxmlformats.org/officeDocument/2006/customXml" ds:itemID="{3E6B2043-66E4-401E-8B29-CA3D3D905856}">
  <ds:schemaRefs/>
</ds:datastoreItem>
</file>

<file path=customXml/itemProps29.xml><?xml version="1.0" encoding="utf-8"?>
<ds:datastoreItem xmlns:ds="http://schemas.openxmlformats.org/officeDocument/2006/customXml" ds:itemID="{7FD357A2-C464-47D5-A5E8-B4BABDDFE557}">
  <ds:schemaRefs/>
</ds:datastoreItem>
</file>

<file path=customXml/itemProps3.xml><?xml version="1.0" encoding="utf-8"?>
<ds:datastoreItem xmlns:ds="http://schemas.openxmlformats.org/officeDocument/2006/customXml" ds:itemID="{CF100F57-D9BA-429A-96E3-82E58D22F748}">
  <ds:schemaRefs>
    <ds:schemaRef ds:uri="http://purl.org/dc/elements/1.1/"/>
    <ds:schemaRef ds:uri="http://www.w3.org/XML/1998/namespace"/>
    <ds:schemaRef ds:uri="http://purl.org/dc/dcmitype/"/>
    <ds:schemaRef ds:uri="http://purl.org/dc/terms/"/>
    <ds:schemaRef ds:uri="http://schemas.microsoft.com/office/2006/documentManagement/types"/>
    <ds:schemaRef ds:uri="7596f7a0-ad64-4a7a-8b43-6fa48958f79d"/>
    <ds:schemaRef ds:uri="42a5e257-5cab-4260-b05f-2067b1d616c3"/>
    <ds:schemaRef ds:uri="http://schemas.microsoft.com/office/infopath/2007/PartnerControls"/>
    <ds:schemaRef ds:uri="http://schemas.openxmlformats.org/package/2006/metadata/core-properties"/>
    <ds:schemaRef ds:uri="http://schemas.microsoft.com/office/2006/metadata/properties"/>
  </ds:schemaRefs>
</ds:datastoreItem>
</file>

<file path=customXml/itemProps30.xml><?xml version="1.0" encoding="utf-8"?>
<ds:datastoreItem xmlns:ds="http://schemas.openxmlformats.org/officeDocument/2006/customXml" ds:itemID="{D0A3B615-A995-4533-97A0-BAEBF21F3D49}">
  <ds:schemaRefs/>
</ds:datastoreItem>
</file>

<file path=customXml/itemProps31.xml><?xml version="1.0" encoding="utf-8"?>
<ds:datastoreItem xmlns:ds="http://schemas.openxmlformats.org/officeDocument/2006/customXml" ds:itemID="{581804E8-EF04-4072-8DD2-1E0ED0E755B1}">
  <ds:schemaRefs/>
</ds:datastoreItem>
</file>

<file path=customXml/itemProps32.xml><?xml version="1.0" encoding="utf-8"?>
<ds:datastoreItem xmlns:ds="http://schemas.openxmlformats.org/officeDocument/2006/customXml" ds:itemID="{F7D953E2-E4E9-4E6F-8DA6-69F659372A41}">
  <ds:schemaRefs/>
</ds:datastoreItem>
</file>

<file path=customXml/itemProps33.xml><?xml version="1.0" encoding="utf-8"?>
<ds:datastoreItem xmlns:ds="http://schemas.openxmlformats.org/officeDocument/2006/customXml" ds:itemID="{9BFDCBD6-1F89-4B29-91B1-B2E41A355F9A}">
  <ds:schemaRefs/>
</ds:datastoreItem>
</file>

<file path=customXml/itemProps34.xml><?xml version="1.0" encoding="utf-8"?>
<ds:datastoreItem xmlns:ds="http://schemas.openxmlformats.org/officeDocument/2006/customXml" ds:itemID="{6BE2E937-F87B-420B-A648-109AECE537AE}">
  <ds:schemaRefs/>
</ds:datastoreItem>
</file>

<file path=customXml/itemProps35.xml><?xml version="1.0" encoding="utf-8"?>
<ds:datastoreItem xmlns:ds="http://schemas.openxmlformats.org/officeDocument/2006/customXml" ds:itemID="{BA3D6A6B-828A-4778-9348-050549C1CFF6}">
  <ds:schemaRefs/>
</ds:datastoreItem>
</file>

<file path=customXml/itemProps36.xml><?xml version="1.0" encoding="utf-8"?>
<ds:datastoreItem xmlns:ds="http://schemas.openxmlformats.org/officeDocument/2006/customXml" ds:itemID="{C90F8439-6F60-4234-86CB-673A435AF9DA}">
  <ds:schemaRefs/>
</ds:datastoreItem>
</file>

<file path=customXml/itemProps37.xml><?xml version="1.0" encoding="utf-8"?>
<ds:datastoreItem xmlns:ds="http://schemas.openxmlformats.org/officeDocument/2006/customXml" ds:itemID="{44BEE49F-1904-4A7A-8C89-9B983DDDF83D}">
  <ds:schemaRefs/>
</ds:datastoreItem>
</file>

<file path=customXml/itemProps38.xml><?xml version="1.0" encoding="utf-8"?>
<ds:datastoreItem xmlns:ds="http://schemas.openxmlformats.org/officeDocument/2006/customXml" ds:itemID="{E8C0E299-1033-4621-9CDF-76991140BA91}">
  <ds:schemaRefs/>
</ds:datastoreItem>
</file>

<file path=customXml/itemProps39.xml><?xml version="1.0" encoding="utf-8"?>
<ds:datastoreItem xmlns:ds="http://schemas.openxmlformats.org/officeDocument/2006/customXml" ds:itemID="{56A8C448-A2F0-4F45-95A3-5FEA672D4441}">
  <ds:schemaRefs/>
</ds:datastoreItem>
</file>

<file path=customXml/itemProps4.xml><?xml version="1.0" encoding="utf-8"?>
<ds:datastoreItem xmlns:ds="http://schemas.openxmlformats.org/officeDocument/2006/customXml" ds:itemID="{296292ED-7661-45F9-A438-AB7E8D370889}">
  <ds:schemaRefs/>
</ds:datastoreItem>
</file>

<file path=customXml/itemProps40.xml><?xml version="1.0" encoding="utf-8"?>
<ds:datastoreItem xmlns:ds="http://schemas.openxmlformats.org/officeDocument/2006/customXml" ds:itemID="{6F4CAA8E-4E7C-4D50-995E-CE67B85C4552}">
  <ds:schemaRefs/>
</ds:datastoreItem>
</file>

<file path=customXml/itemProps41.xml><?xml version="1.0" encoding="utf-8"?>
<ds:datastoreItem xmlns:ds="http://schemas.openxmlformats.org/officeDocument/2006/customXml" ds:itemID="{4DC2D7F2-6D1D-4329-ADBD-DCBC7E3A7D79}">
  <ds:schemaRefs/>
</ds:datastoreItem>
</file>

<file path=customXml/itemProps42.xml><?xml version="1.0" encoding="utf-8"?>
<ds:datastoreItem xmlns:ds="http://schemas.openxmlformats.org/officeDocument/2006/customXml" ds:itemID="{223FBE50-D805-4310-956D-D070BE50CEA4}">
  <ds:schemaRefs/>
</ds:datastoreItem>
</file>

<file path=customXml/itemProps43.xml><?xml version="1.0" encoding="utf-8"?>
<ds:datastoreItem xmlns:ds="http://schemas.openxmlformats.org/officeDocument/2006/customXml" ds:itemID="{A8C29A7E-4BD2-4C74-9524-80C942CAF898}">
  <ds:schemaRefs/>
</ds:datastoreItem>
</file>

<file path=customXml/itemProps44.xml><?xml version="1.0" encoding="utf-8"?>
<ds:datastoreItem xmlns:ds="http://schemas.openxmlformats.org/officeDocument/2006/customXml" ds:itemID="{0473E3CA-39B0-414F-A328-88082FC17815}">
  <ds:schemaRefs/>
</ds:datastoreItem>
</file>

<file path=customXml/itemProps45.xml><?xml version="1.0" encoding="utf-8"?>
<ds:datastoreItem xmlns:ds="http://schemas.openxmlformats.org/officeDocument/2006/customXml" ds:itemID="{E949D1FA-8084-4BC1-82D8-893DAC64BC18}">
  <ds:schemaRefs/>
</ds:datastoreItem>
</file>

<file path=customXml/itemProps46.xml><?xml version="1.0" encoding="utf-8"?>
<ds:datastoreItem xmlns:ds="http://schemas.openxmlformats.org/officeDocument/2006/customXml" ds:itemID="{F9BF7853-A3B8-4D6D-B5C3-EDF0196E054E}">
  <ds:schemaRefs/>
</ds:datastoreItem>
</file>

<file path=customXml/itemProps47.xml><?xml version="1.0" encoding="utf-8"?>
<ds:datastoreItem xmlns:ds="http://schemas.openxmlformats.org/officeDocument/2006/customXml" ds:itemID="{10C3BEC2-D102-4B38-A537-18D3BAC43ED1}">
  <ds:schemaRefs/>
</ds:datastoreItem>
</file>

<file path=customXml/itemProps48.xml><?xml version="1.0" encoding="utf-8"?>
<ds:datastoreItem xmlns:ds="http://schemas.openxmlformats.org/officeDocument/2006/customXml" ds:itemID="{D7BD6687-378F-4CF0-8A6E-6AD550DFE1CB}">
  <ds:schemaRefs/>
</ds:datastoreItem>
</file>

<file path=customXml/itemProps49.xml><?xml version="1.0" encoding="utf-8"?>
<ds:datastoreItem xmlns:ds="http://schemas.openxmlformats.org/officeDocument/2006/customXml" ds:itemID="{1CCC6651-EDB6-41BF-831B-4E91DAE0C6E1}">
  <ds:schemaRefs/>
</ds:datastoreItem>
</file>

<file path=customXml/itemProps5.xml><?xml version="1.0" encoding="utf-8"?>
<ds:datastoreItem xmlns:ds="http://schemas.openxmlformats.org/officeDocument/2006/customXml" ds:itemID="{AF88C8E1-A5F1-42DC-A27D-88B9F10CCE33}">
  <ds:schemaRefs/>
</ds:datastoreItem>
</file>

<file path=customXml/itemProps50.xml><?xml version="1.0" encoding="utf-8"?>
<ds:datastoreItem xmlns:ds="http://schemas.openxmlformats.org/officeDocument/2006/customXml" ds:itemID="{CC3DDB42-663E-42D8-9FA6-10EDB154CEBF}">
  <ds:schemaRefs/>
</ds:datastoreItem>
</file>

<file path=customXml/itemProps51.xml><?xml version="1.0" encoding="utf-8"?>
<ds:datastoreItem xmlns:ds="http://schemas.openxmlformats.org/officeDocument/2006/customXml" ds:itemID="{35350399-9E1B-44D0-9969-116AD7A495B8}">
  <ds:schemaRefs/>
</ds:datastoreItem>
</file>

<file path=customXml/itemProps52.xml><?xml version="1.0" encoding="utf-8"?>
<ds:datastoreItem xmlns:ds="http://schemas.openxmlformats.org/officeDocument/2006/customXml" ds:itemID="{0C40FE7B-D4DA-4D73-96CE-47511C07E638}">
  <ds:schemaRefs/>
</ds:datastoreItem>
</file>

<file path=customXml/itemProps53.xml><?xml version="1.0" encoding="utf-8"?>
<ds:datastoreItem xmlns:ds="http://schemas.openxmlformats.org/officeDocument/2006/customXml" ds:itemID="{8D5BD3B9-144A-4165-B63A-D0654EF962F6}">
  <ds:schemaRefs/>
</ds:datastoreItem>
</file>

<file path=customXml/itemProps54.xml><?xml version="1.0" encoding="utf-8"?>
<ds:datastoreItem xmlns:ds="http://schemas.openxmlformats.org/officeDocument/2006/customXml" ds:itemID="{ADC1B0EE-C950-4A1B-A21E-F99A2ACB0928}">
  <ds:schemaRefs/>
</ds:datastoreItem>
</file>

<file path=customXml/itemProps55.xml><?xml version="1.0" encoding="utf-8"?>
<ds:datastoreItem xmlns:ds="http://schemas.openxmlformats.org/officeDocument/2006/customXml" ds:itemID="{AB9E8807-23CA-470F-B3CA-10EB595F31D2}">
  <ds:schemaRefs/>
</ds:datastoreItem>
</file>

<file path=customXml/itemProps56.xml><?xml version="1.0" encoding="utf-8"?>
<ds:datastoreItem xmlns:ds="http://schemas.openxmlformats.org/officeDocument/2006/customXml" ds:itemID="{B0F0142A-A2AF-4EAB-BE24-7FB99E9DC0B9}">
  <ds:schemaRefs/>
</ds:datastoreItem>
</file>

<file path=customXml/itemProps57.xml><?xml version="1.0" encoding="utf-8"?>
<ds:datastoreItem xmlns:ds="http://schemas.openxmlformats.org/officeDocument/2006/customXml" ds:itemID="{6FD240EF-5AF4-4A79-9A1A-8877C073B8D0}">
  <ds:schemaRefs/>
</ds:datastoreItem>
</file>

<file path=customXml/itemProps58.xml><?xml version="1.0" encoding="utf-8"?>
<ds:datastoreItem xmlns:ds="http://schemas.openxmlformats.org/officeDocument/2006/customXml" ds:itemID="{365A8F8C-55C3-494E-8586-7D6F00DE59C5}">
  <ds:schemaRefs/>
</ds:datastoreItem>
</file>

<file path=customXml/itemProps59.xml><?xml version="1.0" encoding="utf-8"?>
<ds:datastoreItem xmlns:ds="http://schemas.openxmlformats.org/officeDocument/2006/customXml" ds:itemID="{F8D49A20-3DD6-4785-963F-B163A048855E}">
  <ds:schemaRefs/>
</ds:datastoreItem>
</file>

<file path=customXml/itemProps6.xml><?xml version="1.0" encoding="utf-8"?>
<ds:datastoreItem xmlns:ds="http://schemas.openxmlformats.org/officeDocument/2006/customXml" ds:itemID="{71BD3188-F07A-41AB-954C-49381DE85E19}">
  <ds:schemaRefs/>
</ds:datastoreItem>
</file>

<file path=customXml/itemProps60.xml><?xml version="1.0" encoding="utf-8"?>
<ds:datastoreItem xmlns:ds="http://schemas.openxmlformats.org/officeDocument/2006/customXml" ds:itemID="{A35AF01F-A7F4-45C1-AF15-EAA6E77AC48C}">
  <ds:schemaRefs/>
</ds:datastoreItem>
</file>

<file path=customXml/itemProps61.xml><?xml version="1.0" encoding="utf-8"?>
<ds:datastoreItem xmlns:ds="http://schemas.openxmlformats.org/officeDocument/2006/customXml" ds:itemID="{D76E845E-8124-4183-B10F-E8101CC82821}">
  <ds:schemaRefs/>
</ds:datastoreItem>
</file>

<file path=customXml/itemProps7.xml><?xml version="1.0" encoding="utf-8"?>
<ds:datastoreItem xmlns:ds="http://schemas.openxmlformats.org/officeDocument/2006/customXml" ds:itemID="{74E54F08-93F7-4962-82B4-422C495E45A3}">
  <ds:schemaRefs/>
</ds:datastoreItem>
</file>

<file path=customXml/itemProps8.xml><?xml version="1.0" encoding="utf-8"?>
<ds:datastoreItem xmlns:ds="http://schemas.openxmlformats.org/officeDocument/2006/customXml" ds:itemID="{BACCD0C0-F51F-423D-9FE3-EB32FDF7A88A}">
  <ds:schemaRefs/>
</ds:datastoreItem>
</file>

<file path=customXml/itemProps9.xml><?xml version="1.0" encoding="utf-8"?>
<ds:datastoreItem xmlns:ds="http://schemas.openxmlformats.org/officeDocument/2006/customXml" ds:itemID="{E8C9CAFE-CC1C-44BC-9CAB-AF5642584F6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4820</TotalTime>
  <Words>1047</Words>
  <Application>Microsoft Office PowerPoint</Application>
  <PresentationFormat>Widescreen</PresentationFormat>
  <Paragraphs>237</Paragraphs>
  <Slides>40</Slides>
  <Notes>33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40</vt:i4>
      </vt:variant>
    </vt:vector>
  </HeadingPairs>
  <TitlesOfParts>
    <vt:vector size="46" baseType="lpstr">
      <vt:lpstr>Arial</vt:lpstr>
      <vt:lpstr>Franklin Gothic Book</vt:lpstr>
      <vt:lpstr>Palatino Linotype</vt:lpstr>
      <vt:lpstr>Symbol</vt:lpstr>
      <vt:lpstr>SEGAL Presentation</vt:lpstr>
      <vt:lpstr>SEGAL Presentation Dark</vt:lpstr>
      <vt:lpstr>Adapt to Endure: The New HR Playbook</vt:lpstr>
      <vt:lpstr>Agenda</vt:lpstr>
      <vt:lpstr>PowerPoint Presentation</vt:lpstr>
      <vt:lpstr>PowerPoint Presentation</vt:lpstr>
      <vt:lpstr>PowerPoint Presentation</vt:lpstr>
      <vt:lpstr>Key Concept</vt:lpstr>
      <vt:lpstr>Key Concept</vt:lpstr>
      <vt:lpstr>Higher Ed Disruption</vt:lpstr>
      <vt:lpstr>Jeopardy:  Abbreviated Name That Curveball Edition</vt:lpstr>
      <vt:lpstr>Jeopardy Abbreviated Name That Curveball Edition </vt:lpstr>
      <vt:lpstr>Show Me the Money: $500</vt:lpstr>
      <vt:lpstr>Show Me the Money: $1000</vt:lpstr>
      <vt:lpstr>What Used to Be True: $500</vt:lpstr>
      <vt:lpstr>What Used to Be True: $1000</vt:lpstr>
      <vt:lpstr>That Can’t Be Good: $500</vt:lpstr>
      <vt:lpstr>That Can’t Be Good: $1000</vt:lpstr>
      <vt:lpstr>PowerPoint Presentation</vt:lpstr>
      <vt:lpstr>It’s Been a Volatile 2025</vt:lpstr>
      <vt:lpstr>PowerPoint Presentation</vt:lpstr>
      <vt:lpstr>Average Executive Orders by Year</vt:lpstr>
      <vt:lpstr>PowerPoint Presentation</vt:lpstr>
      <vt:lpstr> 217 Executive Orders in 2025</vt:lpstr>
      <vt:lpstr>PowerPoint Presentation</vt:lpstr>
      <vt:lpstr>PowerPoint Presentation</vt:lpstr>
      <vt:lpstr>Common Responses to Uncertainty</vt:lpstr>
      <vt:lpstr>PowerPoint Presentation</vt:lpstr>
      <vt:lpstr>What is Uncertainty Was an Opportunity  for Growth?</vt:lpstr>
      <vt:lpstr>PowerPoint Presentation</vt:lpstr>
      <vt:lpstr>5 Steps To ADAPT to Disruption and Uncertainty</vt:lpstr>
      <vt:lpstr>Authenticity</vt:lpstr>
      <vt:lpstr>Discernment</vt:lpstr>
      <vt:lpstr>PowerPoint Presentation</vt:lpstr>
      <vt:lpstr>Agility</vt:lpstr>
      <vt:lpstr>Partnership</vt:lpstr>
      <vt:lpstr>Tenacity</vt:lpstr>
      <vt:lpstr>5 Steps To ADAPT to Disruption and Uncertainty</vt:lpstr>
      <vt:lpstr>PowerPoint Presentation</vt:lpstr>
      <vt:lpstr>PowerPoint Presentation</vt:lpstr>
      <vt:lpstr>Some Words to Sustain you</vt:lpstr>
      <vt:lpstr>PowerPoint Presentation</vt:lpstr>
    </vt:vector>
  </TitlesOfParts>
  <Company>The Segal Group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vaillancourt@segalco.com</dc:creator>
  <cp:lastModifiedBy>Vaillancourt, Allison</cp:lastModifiedBy>
  <cp:revision>125</cp:revision>
  <dcterms:created xsi:type="dcterms:W3CDTF">2025-07-24T22:38:27Z</dcterms:created>
  <dcterms:modified xsi:type="dcterms:W3CDTF">2025-12-08T12:48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axKeyword">
    <vt:lpwstr/>
  </property>
  <property fmtid="{D5CDD505-2E9C-101B-9397-08002B2CF9AE}" pid="3" name="MediaServiceImageTags">
    <vt:lpwstr/>
  </property>
  <property fmtid="{D5CDD505-2E9C-101B-9397-08002B2CF9AE}" pid="4" name="ContentTypeId">
    <vt:lpwstr>0x0101004C937558E61BD44586F25F520055AA10</vt:lpwstr>
  </property>
  <property fmtid="{D5CDD505-2E9C-101B-9397-08002B2CF9AE}" pid="5" name="ComplianceAssetId">
    <vt:lpwstr/>
  </property>
  <property fmtid="{D5CDD505-2E9C-101B-9397-08002B2CF9AE}" pid="6" name="_ExtendedDescription">
    <vt:lpwstr/>
  </property>
  <property fmtid="{D5CDD505-2E9C-101B-9397-08002B2CF9AE}" pid="7" name="TriggerFlowInfo">
    <vt:lpwstr/>
  </property>
  <property fmtid="{D5CDD505-2E9C-101B-9397-08002B2CF9AE}" pid="8" name="MSIP_Label_459ef8e5-3aaa-41a0-b30c-a77b6f506147_Enabled">
    <vt:lpwstr>true</vt:lpwstr>
  </property>
  <property fmtid="{D5CDD505-2E9C-101B-9397-08002B2CF9AE}" pid="9" name="MSIP_Label_459ef8e5-3aaa-41a0-b30c-a77b6f506147_SetDate">
    <vt:lpwstr>2025-01-23T20:56:12Z</vt:lpwstr>
  </property>
  <property fmtid="{D5CDD505-2E9C-101B-9397-08002B2CF9AE}" pid="10" name="MSIP_Label_459ef8e5-3aaa-41a0-b30c-a77b6f506147_Method">
    <vt:lpwstr>Standard</vt:lpwstr>
  </property>
  <property fmtid="{D5CDD505-2E9C-101B-9397-08002B2CF9AE}" pid="11" name="MSIP_Label_459ef8e5-3aaa-41a0-b30c-a77b6f506147_Name">
    <vt:lpwstr>Internal</vt:lpwstr>
  </property>
  <property fmtid="{D5CDD505-2E9C-101B-9397-08002B2CF9AE}" pid="12" name="MSIP_Label_459ef8e5-3aaa-41a0-b30c-a77b6f506147_SiteId">
    <vt:lpwstr>9343c96b-27bb-4092-add6-977870612481</vt:lpwstr>
  </property>
  <property fmtid="{D5CDD505-2E9C-101B-9397-08002B2CF9AE}" pid="13" name="MSIP_Label_459ef8e5-3aaa-41a0-b30c-a77b6f506147_ActionId">
    <vt:lpwstr>709ccd4a-e6a3-462b-a560-c7e71550b388</vt:lpwstr>
  </property>
  <property fmtid="{D5CDD505-2E9C-101B-9397-08002B2CF9AE}" pid="14" name="MSIP_Label_459ef8e5-3aaa-41a0-b30c-a77b6f506147_ContentBits">
    <vt:lpwstr>0</vt:lpwstr>
  </property>
  <property fmtid="{D5CDD505-2E9C-101B-9397-08002B2CF9AE}" pid="15" name="TemplafyTimeStamp">
    <vt:lpwstr>2025-07-16T20:15:09</vt:lpwstr>
  </property>
  <property fmtid="{D5CDD505-2E9C-101B-9397-08002B2CF9AE}" pid="16" name="TemplafyTenantId">
    <vt:lpwstr>segalco</vt:lpwstr>
  </property>
  <property fmtid="{D5CDD505-2E9C-101B-9397-08002B2CF9AE}" pid="17" name="TemplafyTemplateId">
    <vt:lpwstr>1230402535033929742</vt:lpwstr>
  </property>
  <property fmtid="{D5CDD505-2E9C-101B-9397-08002B2CF9AE}" pid="18" name="TemplafyUserProfileId">
    <vt:lpwstr>774764702260265152</vt:lpwstr>
  </property>
  <property fmtid="{D5CDD505-2E9C-101B-9397-08002B2CF9AE}" pid="19" name="TemplafyLanguageCode">
    <vt:lpwstr>en-US</vt:lpwstr>
  </property>
  <property fmtid="{D5CDD505-2E9C-101B-9397-08002B2CF9AE}" pid="20" name="TemplafyFromBlank">
    <vt:bool>true</vt:bool>
  </property>
</Properties>
</file>